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7\HP\"/>
    </mc:Choice>
  </mc:AlternateContent>
  <xr:revisionPtr revIDLastSave="0" documentId="8_{EECFEDE6-C352-4FF9-9D33-0BE8862E1DE7}" xr6:coauthVersionLast="47" xr6:coauthVersionMax="47" xr10:uidLastSave="{00000000-0000-0000-0000-000000000000}"/>
  <bookViews>
    <workbookView xWindow="-120" yWindow="-120" windowWidth="29040" windowHeight="15720" xr2:uid="{B5560160-59BE-48C8-98C7-46C93D3F4FE0}"/>
  </bookViews>
  <sheets>
    <sheet name="６．世帯数（富山地域）" sheetId="1" r:id="rId1"/>
    <sheet name="６．世帯数（大沢野～細入）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5" i="1" l="1"/>
  <c r="F4" i="1" s="1"/>
  <c r="E5" i="1"/>
  <c r="E4" i="1" s="1"/>
  <c r="D5" i="1"/>
  <c r="C5" i="1"/>
  <c r="B5" i="1"/>
  <c r="D4" i="1"/>
  <c r="C4" i="1"/>
  <c r="B4" i="1"/>
</calcChain>
</file>

<file path=xl/sharedStrings.xml><?xml version="1.0" encoding="utf-8"?>
<sst xmlns="http://schemas.openxmlformats.org/spreadsheetml/2006/main" count="303" uniqueCount="98">
  <si>
    <t>６．地 区 別 世 帯 数 の 推 移</t>
    <rPh sb="2" eb="3">
      <t>チ</t>
    </rPh>
    <rPh sb="4" eb="5">
      <t>ク</t>
    </rPh>
    <rPh sb="6" eb="7">
      <t>ベツ</t>
    </rPh>
    <rPh sb="8" eb="9">
      <t>ヨ</t>
    </rPh>
    <rPh sb="10" eb="11">
      <t>オビ</t>
    </rPh>
    <rPh sb="12" eb="13">
      <t>カズ</t>
    </rPh>
    <rPh sb="16" eb="17">
      <t>スイ</t>
    </rPh>
    <rPh sb="18" eb="19">
      <t>ワタル</t>
    </rPh>
    <phoneticPr fontId="4"/>
  </si>
  <si>
    <t>各年９月末住民基本台帳世帯数</t>
    <rPh sb="0" eb="2">
      <t>カクネン</t>
    </rPh>
    <rPh sb="3" eb="5">
      <t>ガツマツ</t>
    </rPh>
    <rPh sb="5" eb="7">
      <t>ジュウミン</t>
    </rPh>
    <rPh sb="7" eb="9">
      <t>キホン</t>
    </rPh>
    <rPh sb="9" eb="11">
      <t>ダイチョウ</t>
    </rPh>
    <rPh sb="11" eb="14">
      <t>セタイスウ</t>
    </rPh>
    <phoneticPr fontId="4"/>
  </si>
  <si>
    <t>地区別</t>
    <rPh sb="0" eb="2">
      <t>チク</t>
    </rPh>
    <rPh sb="2" eb="3">
      <t>ベツ</t>
    </rPh>
    <phoneticPr fontId="4"/>
  </si>
  <si>
    <t>昭和55年</t>
    <rPh sb="0" eb="2">
      <t>ショウワ</t>
    </rPh>
    <rPh sb="4" eb="5">
      <t>ネン</t>
    </rPh>
    <phoneticPr fontId="4"/>
  </si>
  <si>
    <t>平成2年</t>
    <rPh sb="0" eb="2">
      <t>ヘイセイ</t>
    </rPh>
    <rPh sb="3" eb="4">
      <t>ネン</t>
    </rPh>
    <phoneticPr fontId="4"/>
  </si>
  <si>
    <t>令和元</t>
    <rPh sb="0" eb="2">
      <t>レイワ</t>
    </rPh>
    <rPh sb="2" eb="3">
      <t>ガン</t>
    </rPh>
    <phoneticPr fontId="4"/>
  </si>
  <si>
    <t>総数</t>
    <rPh sb="0" eb="2">
      <t>ソウスウ</t>
    </rPh>
    <phoneticPr fontId="4"/>
  </si>
  <si>
    <t>富山地域計</t>
    <rPh sb="0" eb="2">
      <t>トヤマ</t>
    </rPh>
    <rPh sb="2" eb="4">
      <t>チイキ</t>
    </rPh>
    <rPh sb="4" eb="5">
      <t>ケ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  <rPh sb="0" eb="2">
      <t>コウヨウ</t>
    </rPh>
    <phoneticPr fontId="10"/>
  </si>
  <si>
    <t>-</t>
  </si>
  <si>
    <t>新庄北</t>
    <rPh sb="2" eb="3">
      <t>キタ</t>
    </rPh>
    <phoneticPr fontId="10"/>
  </si>
  <si>
    <t>６．地 区 別 世 帯 数 の 推 移</t>
  </si>
  <si>
    <t>大沢野地域計</t>
    <rPh sb="0" eb="3">
      <t>オオサワノ</t>
    </rPh>
    <rPh sb="3" eb="5">
      <t>チイキ</t>
    </rPh>
    <rPh sb="5" eb="6">
      <t>ケイ</t>
    </rPh>
    <phoneticPr fontId="4"/>
  </si>
  <si>
    <t>下タ</t>
    <rPh sb="0" eb="1">
      <t>シモ</t>
    </rPh>
    <phoneticPr fontId="4"/>
  </si>
  <si>
    <t>小羽</t>
    <rPh sb="0" eb="1">
      <t>ショウ</t>
    </rPh>
    <rPh sb="1" eb="2">
      <t>ハネ</t>
    </rPh>
    <phoneticPr fontId="4"/>
  </si>
  <si>
    <t>船峅</t>
    <rPh sb="0" eb="1">
      <t>フネ</t>
    </rPh>
    <rPh sb="1" eb="2">
      <t>クラ</t>
    </rPh>
    <phoneticPr fontId="4"/>
  </si>
  <si>
    <t>大沢野</t>
    <rPh sb="0" eb="3">
      <t>オオサワノ</t>
    </rPh>
    <phoneticPr fontId="4"/>
  </si>
  <si>
    <t>大久保</t>
    <rPh sb="0" eb="3">
      <t>オオクボ</t>
    </rPh>
    <phoneticPr fontId="4"/>
  </si>
  <si>
    <t>大山地域計</t>
    <rPh sb="0" eb="2">
      <t>オオヤマ</t>
    </rPh>
    <rPh sb="2" eb="4">
      <t>チイキ</t>
    </rPh>
    <rPh sb="4" eb="5">
      <t>ケイ</t>
    </rPh>
    <phoneticPr fontId="4"/>
  </si>
  <si>
    <t>上滝</t>
    <rPh sb="0" eb="2">
      <t>カミダキ</t>
    </rPh>
    <phoneticPr fontId="4"/>
  </si>
  <si>
    <t>大山</t>
    <rPh sb="0" eb="2">
      <t>オオヤマ</t>
    </rPh>
    <phoneticPr fontId="4"/>
  </si>
  <si>
    <t>大庄</t>
    <rPh sb="0" eb="2">
      <t>ダイショウ</t>
    </rPh>
    <phoneticPr fontId="4"/>
  </si>
  <si>
    <t>福沢</t>
    <rPh sb="0" eb="1">
      <t>フク</t>
    </rPh>
    <rPh sb="1" eb="2">
      <t>サワ</t>
    </rPh>
    <phoneticPr fontId="4"/>
  </si>
  <si>
    <t>八尾地域計</t>
    <rPh sb="0" eb="2">
      <t>ヤツオ</t>
    </rPh>
    <rPh sb="2" eb="4">
      <t>チイキ</t>
    </rPh>
    <rPh sb="4" eb="5">
      <t>ケイ</t>
    </rPh>
    <phoneticPr fontId="4"/>
  </si>
  <si>
    <t>八尾</t>
    <rPh sb="0" eb="2">
      <t>ヤツオ</t>
    </rPh>
    <phoneticPr fontId="4"/>
  </si>
  <si>
    <t>保内</t>
    <rPh sb="0" eb="1">
      <t>ホ</t>
    </rPh>
    <rPh sb="1" eb="2">
      <t>ウチ</t>
    </rPh>
    <phoneticPr fontId="4"/>
  </si>
  <si>
    <t>杉原</t>
    <rPh sb="0" eb="1">
      <t>スギ</t>
    </rPh>
    <rPh sb="1" eb="2">
      <t>ハラ</t>
    </rPh>
    <phoneticPr fontId="4"/>
  </si>
  <si>
    <t>卯花</t>
    <rPh sb="0" eb="1">
      <t>ウ</t>
    </rPh>
    <rPh sb="1" eb="2">
      <t>ハナ</t>
    </rPh>
    <phoneticPr fontId="4"/>
  </si>
  <si>
    <t>室牧</t>
    <rPh sb="0" eb="1">
      <t>ムロ</t>
    </rPh>
    <rPh sb="1" eb="2">
      <t>マキ</t>
    </rPh>
    <phoneticPr fontId="4"/>
  </si>
  <si>
    <t>黒瀬谷</t>
    <rPh sb="0" eb="1">
      <t>クロ</t>
    </rPh>
    <rPh sb="1" eb="2">
      <t>セ</t>
    </rPh>
    <rPh sb="2" eb="3">
      <t>タニ</t>
    </rPh>
    <phoneticPr fontId="4"/>
  </si>
  <si>
    <t>野積</t>
    <rPh sb="0" eb="1">
      <t>ノ</t>
    </rPh>
    <rPh sb="1" eb="2">
      <t>ツミ</t>
    </rPh>
    <phoneticPr fontId="4"/>
  </si>
  <si>
    <t>仁歩</t>
    <rPh sb="0" eb="1">
      <t>ジン</t>
    </rPh>
    <rPh sb="1" eb="2">
      <t>ホ</t>
    </rPh>
    <phoneticPr fontId="4"/>
  </si>
  <si>
    <t>大長谷</t>
    <rPh sb="0" eb="1">
      <t>オオ</t>
    </rPh>
    <rPh sb="1" eb="3">
      <t>ナガタニ</t>
    </rPh>
    <phoneticPr fontId="4"/>
  </si>
  <si>
    <t>婦中地域計</t>
    <rPh sb="0" eb="2">
      <t>フチュウ</t>
    </rPh>
    <rPh sb="2" eb="4">
      <t>チイキ</t>
    </rPh>
    <rPh sb="4" eb="5">
      <t>ケイ</t>
    </rPh>
    <phoneticPr fontId="4"/>
  </si>
  <si>
    <t>速星</t>
    <rPh sb="0" eb="1">
      <t>ハヤ</t>
    </rPh>
    <rPh sb="1" eb="2">
      <t>ホシ</t>
    </rPh>
    <phoneticPr fontId="4"/>
  </si>
  <si>
    <t>鵜坂</t>
    <rPh sb="0" eb="1">
      <t>ウ</t>
    </rPh>
    <rPh sb="1" eb="2">
      <t>サカ</t>
    </rPh>
    <phoneticPr fontId="4"/>
  </si>
  <si>
    <t>朝日</t>
    <rPh sb="0" eb="2">
      <t>アサヒ</t>
    </rPh>
    <phoneticPr fontId="4"/>
  </si>
  <si>
    <t>宮川</t>
    <rPh sb="0" eb="2">
      <t>ミヤカワ</t>
    </rPh>
    <phoneticPr fontId="4"/>
  </si>
  <si>
    <t>婦中熊野</t>
    <rPh sb="0" eb="2">
      <t>フチュウ</t>
    </rPh>
    <rPh sb="2" eb="4">
      <t>クマノ</t>
    </rPh>
    <phoneticPr fontId="4"/>
  </si>
  <si>
    <t>古里</t>
    <rPh sb="0" eb="2">
      <t>フルサト</t>
    </rPh>
    <phoneticPr fontId="4"/>
  </si>
  <si>
    <t>音川</t>
    <rPh sb="0" eb="1">
      <t>オト</t>
    </rPh>
    <rPh sb="1" eb="2">
      <t>カワ</t>
    </rPh>
    <phoneticPr fontId="4"/>
  </si>
  <si>
    <t>神保</t>
    <rPh sb="0" eb="1">
      <t>ジン</t>
    </rPh>
    <rPh sb="1" eb="2">
      <t>ホ</t>
    </rPh>
    <phoneticPr fontId="4"/>
  </si>
  <si>
    <t>山田地域計</t>
    <rPh sb="0" eb="2">
      <t>ヤマダ</t>
    </rPh>
    <rPh sb="2" eb="4">
      <t>チイキ</t>
    </rPh>
    <rPh sb="4" eb="5">
      <t>ケイ</t>
    </rPh>
    <phoneticPr fontId="4"/>
  </si>
  <si>
    <t>山田南部</t>
    <rPh sb="0" eb="2">
      <t>ヤマダ</t>
    </rPh>
    <rPh sb="2" eb="4">
      <t>ナンブ</t>
    </rPh>
    <phoneticPr fontId="4"/>
  </si>
  <si>
    <t>山田中部</t>
    <rPh sb="0" eb="2">
      <t>ヤマダ</t>
    </rPh>
    <rPh sb="2" eb="4">
      <t>チュウブ</t>
    </rPh>
    <phoneticPr fontId="4"/>
  </si>
  <si>
    <t>山田西部</t>
    <rPh sb="0" eb="2">
      <t>ヤマダ</t>
    </rPh>
    <rPh sb="2" eb="4">
      <t>セイブ</t>
    </rPh>
    <phoneticPr fontId="4"/>
  </si>
  <si>
    <t>山田東部</t>
    <rPh sb="0" eb="2">
      <t>ヤマダ</t>
    </rPh>
    <rPh sb="2" eb="4">
      <t>トウブ</t>
    </rPh>
    <phoneticPr fontId="4"/>
  </si>
  <si>
    <t>細入地域計</t>
    <rPh sb="0" eb="2">
      <t>ホソイリ</t>
    </rPh>
    <rPh sb="2" eb="4">
      <t>チイキ</t>
    </rPh>
    <rPh sb="4" eb="5">
      <t>ケイ</t>
    </rPh>
    <phoneticPr fontId="4"/>
  </si>
  <si>
    <t>細入北部</t>
    <rPh sb="0" eb="2">
      <t>ホソイリ</t>
    </rPh>
    <rPh sb="2" eb="4">
      <t>ホクブ</t>
    </rPh>
    <phoneticPr fontId="4"/>
  </si>
  <si>
    <t>細入南部</t>
    <rPh sb="0" eb="2">
      <t>ホソイリ</t>
    </rPh>
    <rPh sb="2" eb="4">
      <t>ナンブ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明朝"/>
      <family val="1"/>
    </font>
    <font>
      <sz val="11"/>
      <name val="ＭＳ Ｐゴシック"/>
      <family val="3"/>
    </font>
    <font>
      <b/>
      <sz val="16"/>
      <name val="BIZ UDゴシック"/>
      <family val="3"/>
    </font>
    <font>
      <sz val="6"/>
      <name val="BIZ UD明朝 Medium"/>
      <family val="2"/>
      <charset val="128"/>
    </font>
    <font>
      <sz val="6"/>
      <name val="ＭＳ Ｐゴシック"/>
      <family val="3"/>
    </font>
    <font>
      <sz val="11"/>
      <name val="ＭＳ 明朝"/>
      <family val="1"/>
    </font>
    <font>
      <sz val="11"/>
      <name val="BIZ UDゴシック"/>
      <family val="3"/>
    </font>
    <font>
      <sz val="12"/>
      <name val="BIZ UDゴシック"/>
      <family val="3"/>
    </font>
    <font>
      <b/>
      <sz val="12"/>
      <name val="BIZ UDゴシック"/>
      <family val="3"/>
    </font>
    <font>
      <sz val="12"/>
      <name val="ＭＳ 明朝"/>
      <family val="1"/>
    </font>
    <font>
      <sz val="6"/>
      <name val="ＭＳ Ｐ明朝"/>
      <family val="1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4">
    <xf numFmtId="0" fontId="0" fillId="0" borderId="0"/>
    <xf numFmtId="38" fontId="5" fillId="0" borderId="0" applyFont="0" applyFill="0" applyBorder="0" applyAlignment="0" applyProtection="0"/>
    <xf numFmtId="0" fontId="1" fillId="0" borderId="0">
      <alignment vertical="center"/>
    </xf>
    <xf numFmtId="0" fontId="9" fillId="0" borderId="0"/>
  </cellStyleXfs>
  <cellXfs count="64">
    <xf numFmtId="0" fontId="0" fillId="0" borderId="0" xfId="0"/>
    <xf numFmtId="0" fontId="2" fillId="0" borderId="0" xfId="2" applyFont="1" applyAlignment="1">
      <alignment horizontal="left" vertical="center"/>
    </xf>
    <xf numFmtId="0" fontId="6" fillId="0" borderId="0" xfId="0" applyFont="1" applyAlignment="1">
      <alignment vertical="center"/>
    </xf>
    <xf numFmtId="0" fontId="6" fillId="0" borderId="0" xfId="2" applyFont="1" applyAlignment="1">
      <alignment horizontal="right" vertical="center"/>
    </xf>
    <xf numFmtId="0" fontId="7" fillId="0" borderId="1" xfId="2" applyFont="1" applyBorder="1" applyAlignment="1">
      <alignment horizontal="distributed" vertical="center"/>
    </xf>
    <xf numFmtId="0" fontId="7" fillId="0" borderId="2" xfId="2" applyFont="1" applyBorder="1" applyAlignment="1">
      <alignment horizontal="center" vertical="center"/>
    </xf>
    <xf numFmtId="0" fontId="7" fillId="0" borderId="3" xfId="2" applyFont="1" applyBorder="1" applyAlignment="1">
      <alignment horizontal="center" vertical="center"/>
    </xf>
    <xf numFmtId="0" fontId="7" fillId="0" borderId="4" xfId="2" applyFont="1" applyBorder="1" applyAlignment="1">
      <alignment horizontal="center" vertical="center"/>
    </xf>
    <xf numFmtId="0" fontId="7" fillId="0" borderId="5" xfId="2" applyFont="1" applyBorder="1" applyAlignment="1">
      <alignment horizontal="center" vertical="center"/>
    </xf>
    <xf numFmtId="0" fontId="8" fillId="0" borderId="1" xfId="2" applyFont="1" applyBorder="1" applyAlignment="1">
      <alignment horizontal="distributed" vertical="center"/>
    </xf>
    <xf numFmtId="38" fontId="8" fillId="0" borderId="2" xfId="1" applyFont="1" applyBorder="1" applyAlignment="1">
      <alignment vertical="center"/>
    </xf>
    <xf numFmtId="38" fontId="8" fillId="0" borderId="3" xfId="1" applyFont="1" applyBorder="1" applyAlignment="1">
      <alignment vertical="center"/>
    </xf>
    <xf numFmtId="38" fontId="8" fillId="0" borderId="4" xfId="1" applyFont="1" applyBorder="1" applyAlignment="1">
      <alignment vertical="center"/>
    </xf>
    <xf numFmtId="38" fontId="8" fillId="0" borderId="5" xfId="1" applyFont="1" applyBorder="1" applyAlignment="1">
      <alignment vertical="center"/>
    </xf>
    <xf numFmtId="0" fontId="7" fillId="0" borderId="6" xfId="3" applyFont="1" applyBorder="1" applyAlignment="1">
      <alignment horizontal="distributed" vertical="center"/>
    </xf>
    <xf numFmtId="38" fontId="7" fillId="0" borderId="7" xfId="1" applyFont="1" applyBorder="1" applyAlignment="1">
      <alignment vertical="center"/>
    </xf>
    <xf numFmtId="38" fontId="7" fillId="0" borderId="8" xfId="1" applyFont="1" applyBorder="1" applyAlignment="1">
      <alignment vertical="center"/>
    </xf>
    <xf numFmtId="38" fontId="7" fillId="0" borderId="9" xfId="1" applyFont="1" applyBorder="1" applyAlignment="1">
      <alignment vertical="center"/>
    </xf>
    <xf numFmtId="38" fontId="7" fillId="0" borderId="10" xfId="1" applyFont="1" applyBorder="1" applyAlignment="1">
      <alignment vertical="center"/>
    </xf>
    <xf numFmtId="38" fontId="7" fillId="0" borderId="11" xfId="1" applyFont="1" applyBorder="1" applyAlignment="1">
      <alignment vertical="center"/>
    </xf>
    <xf numFmtId="38" fontId="7" fillId="0" borderId="12" xfId="1" applyFont="1" applyBorder="1" applyAlignment="1">
      <alignment vertical="center"/>
    </xf>
    <xf numFmtId="38" fontId="7" fillId="0" borderId="13" xfId="1" applyFont="1" applyBorder="1" applyAlignment="1">
      <alignment vertical="center"/>
    </xf>
    <xf numFmtId="0" fontId="7" fillId="0" borderId="14" xfId="3" applyFont="1" applyBorder="1" applyAlignment="1">
      <alignment horizontal="distributed" vertical="center"/>
    </xf>
    <xf numFmtId="38" fontId="7" fillId="0" borderId="15" xfId="1" applyFont="1" applyBorder="1" applyAlignment="1">
      <alignment vertical="center"/>
    </xf>
    <xf numFmtId="38" fontId="7" fillId="0" borderId="16" xfId="1" applyFont="1" applyBorder="1" applyAlignment="1">
      <alignment vertical="center"/>
    </xf>
    <xf numFmtId="38" fontId="7" fillId="0" borderId="17" xfId="1" applyFont="1" applyBorder="1" applyAlignment="1">
      <alignment vertical="center"/>
    </xf>
    <xf numFmtId="38" fontId="7" fillId="0" borderId="18" xfId="1" applyFont="1" applyBorder="1" applyAlignment="1">
      <alignment vertical="center"/>
    </xf>
    <xf numFmtId="38" fontId="7" fillId="0" borderId="19" xfId="1" applyFont="1" applyBorder="1" applyAlignment="1">
      <alignment vertical="center"/>
    </xf>
    <xf numFmtId="38" fontId="7" fillId="0" borderId="20" xfId="1" applyFont="1" applyBorder="1" applyAlignment="1">
      <alignment vertical="center"/>
    </xf>
    <xf numFmtId="38" fontId="7" fillId="0" borderId="21" xfId="1" applyFont="1" applyBorder="1" applyAlignment="1">
      <alignment vertical="center"/>
    </xf>
    <xf numFmtId="38" fontId="7" fillId="0" borderId="22" xfId="1" applyFont="1" applyBorder="1" applyAlignment="1">
      <alignment vertical="center"/>
    </xf>
    <xf numFmtId="38" fontId="7" fillId="0" borderId="23" xfId="1" applyFont="1" applyBorder="1" applyAlignment="1">
      <alignment vertical="center"/>
    </xf>
    <xf numFmtId="38" fontId="7" fillId="0" borderId="24" xfId="1" applyFont="1" applyBorder="1" applyAlignment="1">
      <alignment vertical="center"/>
    </xf>
    <xf numFmtId="38" fontId="7" fillId="0" borderId="25" xfId="1" applyFont="1" applyBorder="1" applyAlignment="1">
      <alignment vertical="center"/>
    </xf>
    <xf numFmtId="38" fontId="7" fillId="0" borderId="26" xfId="1" applyFont="1" applyBorder="1" applyAlignment="1">
      <alignment vertical="center"/>
    </xf>
    <xf numFmtId="38" fontId="7" fillId="0" borderId="15" xfId="1" applyFont="1" applyBorder="1" applyAlignment="1">
      <alignment horizontal="right" vertical="center"/>
    </xf>
    <xf numFmtId="38" fontId="7" fillId="0" borderId="27" xfId="1" applyFont="1" applyBorder="1" applyAlignment="1">
      <alignment vertical="center"/>
    </xf>
    <xf numFmtId="0" fontId="7" fillId="0" borderId="28" xfId="3" applyFont="1" applyBorder="1" applyAlignment="1">
      <alignment horizontal="distributed" vertical="center"/>
    </xf>
    <xf numFmtId="38" fontId="7" fillId="0" borderId="23" xfId="1" applyFont="1" applyBorder="1" applyAlignment="1">
      <alignment horizontal="center" vertical="center"/>
    </xf>
    <xf numFmtId="38" fontId="7" fillId="0" borderId="22" xfId="1" applyFont="1" applyBorder="1" applyAlignment="1">
      <alignment horizontal="center" vertical="center"/>
    </xf>
    <xf numFmtId="38" fontId="7" fillId="0" borderId="22" xfId="1" applyFont="1" applyBorder="1" applyAlignment="1">
      <alignment horizontal="right" vertical="center"/>
    </xf>
    <xf numFmtId="38" fontId="7" fillId="0" borderId="24" xfId="1" applyFont="1" applyBorder="1" applyAlignment="1">
      <alignment horizontal="right" vertical="center"/>
    </xf>
    <xf numFmtId="0" fontId="7" fillId="0" borderId="29" xfId="3" applyFont="1" applyBorder="1" applyAlignment="1">
      <alignment horizontal="distributed" vertical="center"/>
    </xf>
    <xf numFmtId="38" fontId="7" fillId="0" borderId="30" xfId="1" applyFont="1" applyBorder="1" applyAlignment="1">
      <alignment horizontal="center" vertical="center"/>
    </xf>
    <xf numFmtId="38" fontId="7" fillId="0" borderId="31" xfId="1" applyFont="1" applyBorder="1" applyAlignment="1">
      <alignment horizontal="center" vertical="center"/>
    </xf>
    <xf numFmtId="38" fontId="7" fillId="0" borderId="31" xfId="1" applyFont="1" applyBorder="1" applyAlignment="1">
      <alignment horizontal="right" vertical="center"/>
    </xf>
    <xf numFmtId="38" fontId="7" fillId="0" borderId="32" xfId="1" applyFont="1" applyBorder="1" applyAlignment="1">
      <alignment vertical="center"/>
    </xf>
    <xf numFmtId="38" fontId="7" fillId="0" borderId="33" xfId="1" applyFont="1" applyBorder="1" applyAlignment="1">
      <alignment vertical="center"/>
    </xf>
    <xf numFmtId="38" fontId="6" fillId="0" borderId="0" xfId="1" applyFont="1" applyFill="1" applyAlignment="1">
      <alignment vertical="center"/>
    </xf>
    <xf numFmtId="38" fontId="8" fillId="0" borderId="2" xfId="1" applyFont="1" applyBorder="1" applyAlignment="1">
      <alignment horizontal="center" vertical="center"/>
    </xf>
    <xf numFmtId="38" fontId="8" fillId="0" borderId="3" xfId="1" applyFont="1" applyBorder="1" applyAlignment="1">
      <alignment horizontal="center" vertical="center"/>
    </xf>
    <xf numFmtId="38" fontId="8" fillId="0" borderId="3" xfId="1" applyFont="1" applyBorder="1" applyAlignment="1">
      <alignment horizontal="right" vertical="center"/>
    </xf>
    <xf numFmtId="38" fontId="7" fillId="0" borderId="7" xfId="1" applyFont="1" applyBorder="1" applyAlignment="1">
      <alignment horizontal="center" vertical="center"/>
    </xf>
    <xf numFmtId="38" fontId="7" fillId="0" borderId="8" xfId="1" applyFont="1" applyBorder="1" applyAlignment="1">
      <alignment horizontal="center" vertical="center"/>
    </xf>
    <xf numFmtId="38" fontId="7" fillId="0" borderId="8" xfId="1" applyFont="1" applyBorder="1" applyAlignment="1">
      <alignment horizontal="right" vertical="center"/>
    </xf>
    <xf numFmtId="38" fontId="7" fillId="0" borderId="9" xfId="1" applyFont="1" applyBorder="1" applyAlignment="1">
      <alignment horizontal="right" vertical="center"/>
    </xf>
    <xf numFmtId="38" fontId="7" fillId="0" borderId="15" xfId="1" applyFont="1" applyBorder="1" applyAlignment="1">
      <alignment horizontal="center" vertical="center"/>
    </xf>
    <xf numFmtId="38" fontId="7" fillId="0" borderId="16" xfId="1" applyFont="1" applyBorder="1" applyAlignment="1">
      <alignment horizontal="center" vertical="center"/>
    </xf>
    <xf numFmtId="38" fontId="7" fillId="0" borderId="16" xfId="1" applyFont="1" applyBorder="1" applyAlignment="1">
      <alignment horizontal="right" vertical="center"/>
    </xf>
    <xf numFmtId="38" fontId="7" fillId="0" borderId="17" xfId="1" applyFont="1" applyBorder="1" applyAlignment="1">
      <alignment horizontal="right" vertical="center"/>
    </xf>
    <xf numFmtId="38" fontId="7" fillId="0" borderId="32" xfId="1" applyFont="1" applyBorder="1" applyAlignment="1">
      <alignment horizontal="right" vertical="center"/>
    </xf>
    <xf numFmtId="38" fontId="7" fillId="0" borderId="31" xfId="1" applyFont="1" applyBorder="1" applyAlignment="1">
      <alignment vertical="center"/>
    </xf>
    <xf numFmtId="38" fontId="7" fillId="0" borderId="30" xfId="1" applyFont="1" applyBorder="1" applyAlignment="1">
      <alignment vertical="center"/>
    </xf>
    <xf numFmtId="0" fontId="6" fillId="0" borderId="34" xfId="0" applyFont="1" applyBorder="1" applyAlignment="1">
      <alignment vertical="center"/>
    </xf>
  </cellXfs>
  <cellStyles count="4">
    <cellStyle name="桁区切り" xfId="1" builtinId="6"/>
    <cellStyle name="標準" xfId="0" builtinId="0"/>
    <cellStyle name="標準_校下表" xfId="3" xr:uid="{6040AD52-C0AF-4F00-8DF2-B8E258A632F7}"/>
    <cellStyle name="標準_地区別世帯数(H15)" xfId="2" xr:uid="{F5AC9648-35CE-41B9-9189-2F25CEA737F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C6E6DB6-4F3E-4888-9133-9BCF542A4D0C}">
  <sheetPr codeName="Sheet106">
    <pageSetUpPr fitToPage="1"/>
  </sheetPr>
  <dimension ref="A1:Q56"/>
  <sheetViews>
    <sheetView tabSelected="1" zoomScaleSheetLayoutView="70" workbookViewId="0">
      <pane xSplit="1" ySplit="3" topLeftCell="B4" activePane="bottomRight" state="frozen"/>
      <selection sqref="A1:M1"/>
      <selection pane="topRight" sqref="A1:M1"/>
      <selection pane="bottomLeft" sqref="A1:M1"/>
      <selection pane="bottomRight" sqref="A1:M1"/>
    </sheetView>
  </sheetViews>
  <sheetFormatPr defaultColWidth="9" defaultRowHeight="15" customHeight="1" x14ac:dyDescent="0.15"/>
  <cols>
    <col min="1" max="1" width="13.625" style="2" customWidth="1"/>
    <col min="2" max="17" width="12.625" style="2" customWidth="1"/>
    <col min="18" max="16384" width="9" style="2"/>
  </cols>
  <sheetData>
    <row r="1" spans="1:17" ht="43.5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7" ht="28.5" customHeight="1" x14ac:dyDescent="0.15">
      <c r="Q2" s="3" t="s">
        <v>1</v>
      </c>
    </row>
    <row r="3" spans="1:17" ht="20.100000000000001" customHeight="1" x14ac:dyDescent="0.15">
      <c r="A3" s="4" t="s">
        <v>2</v>
      </c>
      <c r="B3" s="5" t="s">
        <v>3</v>
      </c>
      <c r="C3" s="6">
        <v>60</v>
      </c>
      <c r="D3" s="6" t="s">
        <v>4</v>
      </c>
      <c r="E3" s="6">
        <v>7</v>
      </c>
      <c r="F3" s="6">
        <v>12</v>
      </c>
      <c r="G3" s="6">
        <v>17</v>
      </c>
      <c r="H3" s="6">
        <v>22</v>
      </c>
      <c r="I3" s="7">
        <v>27</v>
      </c>
      <c r="J3" s="7">
        <v>30</v>
      </c>
      <c r="K3" s="6" t="s">
        <v>5</v>
      </c>
      <c r="L3" s="6">
        <v>2</v>
      </c>
      <c r="M3" s="6">
        <v>3</v>
      </c>
      <c r="N3" s="7">
        <v>4</v>
      </c>
      <c r="O3" s="8">
        <v>5</v>
      </c>
      <c r="P3" s="8">
        <v>6</v>
      </c>
      <c r="Q3" s="8">
        <v>7</v>
      </c>
    </row>
    <row r="4" spans="1:17" ht="20.100000000000001" customHeight="1" x14ac:dyDescent="0.15">
      <c r="A4" s="9" t="s">
        <v>6</v>
      </c>
      <c r="B4" s="10">
        <f>B5</f>
        <v>88716</v>
      </c>
      <c r="C4" s="10">
        <f>C5</f>
        <v>95217</v>
      </c>
      <c r="D4" s="10">
        <f>D5</f>
        <v>101657</v>
      </c>
      <c r="E4" s="10">
        <f>E5</f>
        <v>109395</v>
      </c>
      <c r="F4" s="10">
        <f>F5</f>
        <v>116719</v>
      </c>
      <c r="G4" s="10">
        <v>152641</v>
      </c>
      <c r="H4" s="10">
        <v>161589</v>
      </c>
      <c r="I4" s="11">
        <v>172052</v>
      </c>
      <c r="J4" s="11">
        <v>178467</v>
      </c>
      <c r="K4" s="11">
        <v>179938</v>
      </c>
      <c r="L4" s="11">
        <v>181394</v>
      </c>
      <c r="M4" s="12">
        <v>182399</v>
      </c>
      <c r="N4" s="13">
        <v>183937</v>
      </c>
      <c r="O4" s="13">
        <v>185060</v>
      </c>
      <c r="P4" s="13">
        <v>186578</v>
      </c>
      <c r="Q4" s="13">
        <v>188064</v>
      </c>
    </row>
    <row r="5" spans="1:17" ht="20.100000000000001" customHeight="1" x14ac:dyDescent="0.15">
      <c r="A5" s="9" t="s">
        <v>7</v>
      </c>
      <c r="B5" s="10">
        <f>SUM(B6:B54)</f>
        <v>88716</v>
      </c>
      <c r="C5" s="11">
        <f>SUM(C6:C54)</f>
        <v>95217</v>
      </c>
      <c r="D5" s="11">
        <f>SUM(D6:D54)</f>
        <v>101657</v>
      </c>
      <c r="E5" s="11">
        <f>SUM(E6:E54)</f>
        <v>109395</v>
      </c>
      <c r="F5" s="11">
        <f>SUM(F6:F54)</f>
        <v>116719</v>
      </c>
      <c r="G5" s="11">
        <v>122481</v>
      </c>
      <c r="H5" s="11">
        <v>128528</v>
      </c>
      <c r="I5" s="11">
        <v>136936</v>
      </c>
      <c r="J5" s="11">
        <v>141864</v>
      </c>
      <c r="K5" s="11">
        <v>143091</v>
      </c>
      <c r="L5" s="11">
        <v>144275</v>
      </c>
      <c r="M5" s="12">
        <v>145157</v>
      </c>
      <c r="N5" s="13">
        <v>146427</v>
      </c>
      <c r="O5" s="13">
        <v>147440</v>
      </c>
      <c r="P5" s="13">
        <v>148669</v>
      </c>
      <c r="Q5" s="13">
        <v>149927</v>
      </c>
    </row>
    <row r="6" spans="1:17" ht="20.100000000000001" customHeight="1" x14ac:dyDescent="0.15">
      <c r="A6" s="14" t="s">
        <v>8</v>
      </c>
      <c r="B6" s="15">
        <v>1117</v>
      </c>
      <c r="C6" s="16">
        <v>1044</v>
      </c>
      <c r="D6" s="16">
        <v>943</v>
      </c>
      <c r="E6" s="16">
        <v>871</v>
      </c>
      <c r="F6" s="16">
        <v>825</v>
      </c>
      <c r="G6" s="16">
        <v>841</v>
      </c>
      <c r="H6" s="16">
        <v>915</v>
      </c>
      <c r="I6" s="17">
        <v>1052</v>
      </c>
      <c r="J6" s="18">
        <v>1079</v>
      </c>
      <c r="K6" s="18">
        <v>1206</v>
      </c>
      <c r="L6" s="19">
        <v>1273</v>
      </c>
      <c r="M6" s="20">
        <v>1272</v>
      </c>
      <c r="N6" s="21">
        <v>1267</v>
      </c>
      <c r="O6" s="21">
        <v>1256</v>
      </c>
      <c r="P6" s="21">
        <v>1225</v>
      </c>
      <c r="Q6" s="21">
        <v>1253</v>
      </c>
    </row>
    <row r="7" spans="1:17" ht="20.100000000000001" customHeight="1" x14ac:dyDescent="0.15">
      <c r="A7" s="22" t="s">
        <v>9</v>
      </c>
      <c r="B7" s="23">
        <v>1782</v>
      </c>
      <c r="C7" s="24">
        <v>1748</v>
      </c>
      <c r="D7" s="24">
        <v>1718</v>
      </c>
      <c r="E7" s="24">
        <v>1655</v>
      </c>
      <c r="F7" s="24">
        <v>1883</v>
      </c>
      <c r="G7" s="24">
        <v>1987</v>
      </c>
      <c r="H7" s="24">
        <v>2011</v>
      </c>
      <c r="I7" s="25">
        <v>2014</v>
      </c>
      <c r="J7" s="26">
        <v>2139</v>
      </c>
      <c r="K7" s="26">
        <v>2246</v>
      </c>
      <c r="L7" s="27">
        <v>2262</v>
      </c>
      <c r="M7" s="28">
        <v>2281</v>
      </c>
      <c r="N7" s="29">
        <v>2323</v>
      </c>
      <c r="O7" s="29">
        <v>2326</v>
      </c>
      <c r="P7" s="29">
        <v>2381</v>
      </c>
      <c r="Q7" s="29">
        <v>2489</v>
      </c>
    </row>
    <row r="8" spans="1:17" ht="20.100000000000001" customHeight="1" x14ac:dyDescent="0.15">
      <c r="A8" s="22" t="s">
        <v>10</v>
      </c>
      <c r="B8" s="23">
        <v>1425</v>
      </c>
      <c r="C8" s="24">
        <v>1366</v>
      </c>
      <c r="D8" s="24">
        <v>1316</v>
      </c>
      <c r="E8" s="24">
        <v>1359</v>
      </c>
      <c r="F8" s="24">
        <v>1288</v>
      </c>
      <c r="G8" s="24">
        <v>1295</v>
      </c>
      <c r="H8" s="24">
        <v>1350</v>
      </c>
      <c r="I8" s="25">
        <v>1382</v>
      </c>
      <c r="J8" s="30">
        <v>1403</v>
      </c>
      <c r="K8" s="30">
        <v>1385</v>
      </c>
      <c r="L8" s="31">
        <v>1389</v>
      </c>
      <c r="M8" s="32">
        <v>1365</v>
      </c>
      <c r="N8" s="33">
        <v>1337</v>
      </c>
      <c r="O8" s="33">
        <v>1324</v>
      </c>
      <c r="P8" s="33">
        <v>1351</v>
      </c>
      <c r="Q8" s="33">
        <v>1450</v>
      </c>
    </row>
    <row r="9" spans="1:17" ht="20.100000000000001" customHeight="1" x14ac:dyDescent="0.15">
      <c r="A9" s="22" t="s">
        <v>11</v>
      </c>
      <c r="B9" s="23">
        <v>918</v>
      </c>
      <c r="C9" s="24">
        <v>930</v>
      </c>
      <c r="D9" s="24">
        <v>882</v>
      </c>
      <c r="E9" s="24">
        <v>888</v>
      </c>
      <c r="F9" s="24">
        <v>829</v>
      </c>
      <c r="G9" s="24">
        <v>778</v>
      </c>
      <c r="H9" s="24">
        <v>805</v>
      </c>
      <c r="I9" s="25">
        <v>964</v>
      </c>
      <c r="J9" s="24">
        <v>1008</v>
      </c>
      <c r="K9" s="24">
        <v>999</v>
      </c>
      <c r="L9" s="23">
        <v>1000</v>
      </c>
      <c r="M9" s="25">
        <v>998</v>
      </c>
      <c r="N9" s="34">
        <v>982</v>
      </c>
      <c r="O9" s="34">
        <v>991</v>
      </c>
      <c r="P9" s="34">
        <v>1001</v>
      </c>
      <c r="Q9" s="34">
        <v>1008</v>
      </c>
    </row>
    <row r="10" spans="1:17" ht="20.100000000000001" customHeight="1" x14ac:dyDescent="0.15">
      <c r="A10" s="22" t="s">
        <v>12</v>
      </c>
      <c r="B10" s="23">
        <v>1362</v>
      </c>
      <c r="C10" s="24">
        <v>1329</v>
      </c>
      <c r="D10" s="24">
        <v>1294</v>
      </c>
      <c r="E10" s="24">
        <v>1328</v>
      </c>
      <c r="F10" s="24">
        <v>1301</v>
      </c>
      <c r="G10" s="24">
        <v>1357</v>
      </c>
      <c r="H10" s="24">
        <v>1489</v>
      </c>
      <c r="I10" s="25">
        <v>1691</v>
      </c>
      <c r="J10" s="26">
        <v>1747</v>
      </c>
      <c r="K10" s="26">
        <v>1743</v>
      </c>
      <c r="L10" s="27">
        <v>1787</v>
      </c>
      <c r="M10" s="28">
        <v>1802</v>
      </c>
      <c r="N10" s="29">
        <v>1821</v>
      </c>
      <c r="O10" s="29">
        <v>1854</v>
      </c>
      <c r="P10" s="29">
        <v>1868</v>
      </c>
      <c r="Q10" s="29">
        <v>1885</v>
      </c>
    </row>
    <row r="11" spans="1:17" ht="20.100000000000001" customHeight="1" x14ac:dyDescent="0.15">
      <c r="A11" s="22" t="s">
        <v>13</v>
      </c>
      <c r="B11" s="23">
        <v>2864</v>
      </c>
      <c r="C11" s="24">
        <v>2851</v>
      </c>
      <c r="D11" s="24">
        <v>2882</v>
      </c>
      <c r="E11" s="24">
        <v>2953</v>
      </c>
      <c r="F11" s="24">
        <v>2849</v>
      </c>
      <c r="G11" s="24">
        <v>2937</v>
      </c>
      <c r="H11" s="24">
        <v>2971</v>
      </c>
      <c r="I11" s="25">
        <v>3073</v>
      </c>
      <c r="J11" s="30">
        <v>3109</v>
      </c>
      <c r="K11" s="30">
        <v>3163</v>
      </c>
      <c r="L11" s="31">
        <v>3171</v>
      </c>
      <c r="M11" s="32">
        <v>3176</v>
      </c>
      <c r="N11" s="33">
        <v>3135</v>
      </c>
      <c r="O11" s="33">
        <v>3204</v>
      </c>
      <c r="P11" s="33">
        <v>3217</v>
      </c>
      <c r="Q11" s="33">
        <v>3220</v>
      </c>
    </row>
    <row r="12" spans="1:17" ht="20.100000000000001" customHeight="1" x14ac:dyDescent="0.15">
      <c r="A12" s="22" t="s">
        <v>14</v>
      </c>
      <c r="B12" s="23">
        <v>2035</v>
      </c>
      <c r="C12" s="24">
        <v>2015</v>
      </c>
      <c r="D12" s="24">
        <v>2048</v>
      </c>
      <c r="E12" s="24">
        <v>2084</v>
      </c>
      <c r="F12" s="24">
        <v>1958</v>
      </c>
      <c r="G12" s="24">
        <v>1931</v>
      </c>
      <c r="H12" s="24">
        <v>1984</v>
      </c>
      <c r="I12" s="25">
        <v>2027</v>
      </c>
      <c r="J12" s="30">
        <v>2054</v>
      </c>
      <c r="K12" s="30">
        <v>2075</v>
      </c>
      <c r="L12" s="31">
        <v>2106</v>
      </c>
      <c r="M12" s="32">
        <v>2095</v>
      </c>
      <c r="N12" s="33">
        <v>2076</v>
      </c>
      <c r="O12" s="33">
        <v>2058</v>
      </c>
      <c r="P12" s="33">
        <v>2040</v>
      </c>
      <c r="Q12" s="33">
        <v>2047</v>
      </c>
    </row>
    <row r="13" spans="1:17" ht="20.100000000000001" customHeight="1" x14ac:dyDescent="0.15">
      <c r="A13" s="22" t="s">
        <v>15</v>
      </c>
      <c r="B13" s="23">
        <v>1293</v>
      </c>
      <c r="C13" s="24">
        <v>1242</v>
      </c>
      <c r="D13" s="24">
        <v>1231</v>
      </c>
      <c r="E13" s="24">
        <v>1277</v>
      </c>
      <c r="F13" s="24">
        <v>1228</v>
      </c>
      <c r="G13" s="24">
        <v>1221</v>
      </c>
      <c r="H13" s="24">
        <v>1212</v>
      </c>
      <c r="I13" s="25">
        <v>1256</v>
      </c>
      <c r="J13" s="30">
        <v>1277</v>
      </c>
      <c r="K13" s="30">
        <v>1303</v>
      </c>
      <c r="L13" s="31">
        <v>1279</v>
      </c>
      <c r="M13" s="32">
        <v>1330</v>
      </c>
      <c r="N13" s="33">
        <v>1344</v>
      </c>
      <c r="O13" s="33">
        <v>1345</v>
      </c>
      <c r="P13" s="33">
        <v>1343</v>
      </c>
      <c r="Q13" s="33">
        <v>1367</v>
      </c>
    </row>
    <row r="14" spans="1:17" ht="20.100000000000001" customHeight="1" x14ac:dyDescent="0.15">
      <c r="A14" s="22" t="s">
        <v>16</v>
      </c>
      <c r="B14" s="23">
        <v>3382</v>
      </c>
      <c r="C14" s="24">
        <v>3468</v>
      </c>
      <c r="D14" s="24">
        <v>3623</v>
      </c>
      <c r="E14" s="24">
        <v>3838</v>
      </c>
      <c r="F14" s="24">
        <v>3964</v>
      </c>
      <c r="G14" s="24">
        <v>2777</v>
      </c>
      <c r="H14" s="24">
        <v>2895</v>
      </c>
      <c r="I14" s="25">
        <v>2974</v>
      </c>
      <c r="J14" s="30">
        <v>3005</v>
      </c>
      <c r="K14" s="30">
        <v>3111</v>
      </c>
      <c r="L14" s="31">
        <v>3123</v>
      </c>
      <c r="M14" s="32">
        <v>3108</v>
      </c>
      <c r="N14" s="33">
        <v>3131</v>
      </c>
      <c r="O14" s="33">
        <v>3221</v>
      </c>
      <c r="P14" s="33">
        <v>3241</v>
      </c>
      <c r="Q14" s="33">
        <v>3191</v>
      </c>
    </row>
    <row r="15" spans="1:17" ht="20.100000000000001" customHeight="1" x14ac:dyDescent="0.15">
      <c r="A15" s="22" t="s">
        <v>17</v>
      </c>
      <c r="B15" s="23">
        <v>4220</v>
      </c>
      <c r="C15" s="24">
        <v>4581</v>
      </c>
      <c r="D15" s="24">
        <v>4936</v>
      </c>
      <c r="E15" s="24">
        <v>5400</v>
      </c>
      <c r="F15" s="24">
        <v>5672</v>
      </c>
      <c r="G15" s="24">
        <v>4939</v>
      </c>
      <c r="H15" s="24">
        <v>5167</v>
      </c>
      <c r="I15" s="25">
        <v>5412</v>
      </c>
      <c r="J15" s="30">
        <v>5694</v>
      </c>
      <c r="K15" s="30">
        <v>5658</v>
      </c>
      <c r="L15" s="31">
        <v>5733</v>
      </c>
      <c r="M15" s="32">
        <v>5719</v>
      </c>
      <c r="N15" s="33">
        <v>5770</v>
      </c>
      <c r="O15" s="33">
        <v>5759</v>
      </c>
      <c r="P15" s="33">
        <v>5824</v>
      </c>
      <c r="Q15" s="33">
        <v>5898</v>
      </c>
    </row>
    <row r="16" spans="1:17" ht="20.100000000000001" customHeight="1" x14ac:dyDescent="0.15">
      <c r="A16" s="22" t="s">
        <v>18</v>
      </c>
      <c r="B16" s="35">
        <v>3129</v>
      </c>
      <c r="C16" s="24">
        <v>3429</v>
      </c>
      <c r="D16" s="24">
        <v>3780</v>
      </c>
      <c r="E16" s="24">
        <v>4090</v>
      </c>
      <c r="F16" s="24">
        <v>4518</v>
      </c>
      <c r="G16" s="24">
        <v>4960</v>
      </c>
      <c r="H16" s="24">
        <v>5422</v>
      </c>
      <c r="I16" s="25">
        <v>6141</v>
      </c>
      <c r="J16" s="30">
        <v>6420</v>
      </c>
      <c r="K16" s="30">
        <v>6486</v>
      </c>
      <c r="L16" s="31">
        <v>6573</v>
      </c>
      <c r="M16" s="32">
        <v>6655</v>
      </c>
      <c r="N16" s="33">
        <v>6723</v>
      </c>
      <c r="O16" s="33">
        <v>6872</v>
      </c>
      <c r="P16" s="33">
        <v>6948</v>
      </c>
      <c r="Q16" s="33">
        <v>6957</v>
      </c>
    </row>
    <row r="17" spans="1:17" ht="20.100000000000001" customHeight="1" x14ac:dyDescent="0.15">
      <c r="A17" s="22" t="s">
        <v>19</v>
      </c>
      <c r="B17" s="23">
        <v>3686</v>
      </c>
      <c r="C17" s="24">
        <v>3788</v>
      </c>
      <c r="D17" s="24">
        <v>3877</v>
      </c>
      <c r="E17" s="24">
        <v>3820</v>
      </c>
      <c r="F17" s="24">
        <v>3741</v>
      </c>
      <c r="G17" s="24">
        <v>3741</v>
      </c>
      <c r="H17" s="24">
        <v>3850</v>
      </c>
      <c r="I17" s="25">
        <v>4007</v>
      </c>
      <c r="J17" s="30">
        <v>4174</v>
      </c>
      <c r="K17" s="30">
        <v>4207</v>
      </c>
      <c r="L17" s="31">
        <v>4246</v>
      </c>
      <c r="M17" s="32">
        <v>4202</v>
      </c>
      <c r="N17" s="33">
        <v>4165</v>
      </c>
      <c r="O17" s="33">
        <v>4134</v>
      </c>
      <c r="P17" s="33">
        <v>4109</v>
      </c>
      <c r="Q17" s="33">
        <v>4080</v>
      </c>
    </row>
    <row r="18" spans="1:17" ht="20.100000000000001" customHeight="1" x14ac:dyDescent="0.15">
      <c r="A18" s="22" t="s">
        <v>20</v>
      </c>
      <c r="B18" s="23">
        <v>4024</v>
      </c>
      <c r="C18" s="24">
        <v>4099</v>
      </c>
      <c r="D18" s="24">
        <v>4059</v>
      </c>
      <c r="E18" s="24">
        <v>4283</v>
      </c>
      <c r="F18" s="24">
        <v>4618</v>
      </c>
      <c r="G18" s="24">
        <v>4655</v>
      </c>
      <c r="H18" s="24">
        <v>4735</v>
      </c>
      <c r="I18" s="25">
        <v>4980</v>
      </c>
      <c r="J18" s="24">
        <v>5060</v>
      </c>
      <c r="K18" s="24">
        <v>5082</v>
      </c>
      <c r="L18" s="23">
        <v>5130</v>
      </c>
      <c r="M18" s="25">
        <v>5228</v>
      </c>
      <c r="N18" s="34">
        <v>5216</v>
      </c>
      <c r="O18" s="34">
        <v>5255</v>
      </c>
      <c r="P18" s="34">
        <v>5253</v>
      </c>
      <c r="Q18" s="34">
        <v>5310</v>
      </c>
    </row>
    <row r="19" spans="1:17" ht="20.100000000000001" customHeight="1" x14ac:dyDescent="0.15">
      <c r="A19" s="22" t="s">
        <v>21</v>
      </c>
      <c r="B19" s="35">
        <v>1872</v>
      </c>
      <c r="C19" s="24">
        <v>2852</v>
      </c>
      <c r="D19" s="24">
        <v>2964</v>
      </c>
      <c r="E19" s="24">
        <v>3194</v>
      </c>
      <c r="F19" s="24">
        <v>3274</v>
      </c>
      <c r="G19" s="24">
        <v>3308</v>
      </c>
      <c r="H19" s="24">
        <v>3433</v>
      </c>
      <c r="I19" s="25">
        <v>3574</v>
      </c>
      <c r="J19" s="16">
        <v>3680</v>
      </c>
      <c r="K19" s="16">
        <v>3680</v>
      </c>
      <c r="L19" s="15">
        <v>3724</v>
      </c>
      <c r="M19" s="17">
        <v>3741</v>
      </c>
      <c r="N19" s="36">
        <v>3738</v>
      </c>
      <c r="O19" s="36">
        <v>3785</v>
      </c>
      <c r="P19" s="36">
        <v>3842</v>
      </c>
      <c r="Q19" s="36">
        <v>3869</v>
      </c>
    </row>
    <row r="20" spans="1:17" ht="20.100000000000001" customHeight="1" x14ac:dyDescent="0.15">
      <c r="A20" s="22" t="s">
        <v>22</v>
      </c>
      <c r="B20" s="23">
        <v>1761</v>
      </c>
      <c r="C20" s="24">
        <v>1831</v>
      </c>
      <c r="D20" s="24">
        <v>1804</v>
      </c>
      <c r="E20" s="24">
        <v>1988</v>
      </c>
      <c r="F20" s="24">
        <v>2083</v>
      </c>
      <c r="G20" s="24">
        <v>2182</v>
      </c>
      <c r="H20" s="24">
        <v>2217</v>
      </c>
      <c r="I20" s="25">
        <v>2320</v>
      </c>
      <c r="J20" s="26">
        <v>2454</v>
      </c>
      <c r="K20" s="26">
        <v>2469</v>
      </c>
      <c r="L20" s="27">
        <v>2489</v>
      </c>
      <c r="M20" s="28">
        <v>2519</v>
      </c>
      <c r="N20" s="29">
        <v>2562</v>
      </c>
      <c r="O20" s="29">
        <v>2550</v>
      </c>
      <c r="P20" s="29">
        <v>2561</v>
      </c>
      <c r="Q20" s="29">
        <v>2555</v>
      </c>
    </row>
    <row r="21" spans="1:17" ht="20.100000000000001" customHeight="1" x14ac:dyDescent="0.15">
      <c r="A21" s="22" t="s">
        <v>23</v>
      </c>
      <c r="B21" s="23">
        <v>4009</v>
      </c>
      <c r="C21" s="24">
        <v>4685</v>
      </c>
      <c r="D21" s="24">
        <v>5367</v>
      </c>
      <c r="E21" s="24">
        <v>5570</v>
      </c>
      <c r="F21" s="24">
        <v>5390</v>
      </c>
      <c r="G21" s="24">
        <v>4893</v>
      </c>
      <c r="H21" s="24">
        <v>4571</v>
      </c>
      <c r="I21" s="25">
        <v>5048</v>
      </c>
      <c r="J21" s="24">
        <v>5254</v>
      </c>
      <c r="K21" s="24">
        <v>5372</v>
      </c>
      <c r="L21" s="23">
        <v>5390</v>
      </c>
      <c r="M21" s="25">
        <v>5512</v>
      </c>
      <c r="N21" s="34">
        <v>5626</v>
      </c>
      <c r="O21" s="34">
        <v>5646</v>
      </c>
      <c r="P21" s="34">
        <v>5797</v>
      </c>
      <c r="Q21" s="34">
        <v>5825</v>
      </c>
    </row>
    <row r="22" spans="1:17" ht="20.100000000000001" customHeight="1" x14ac:dyDescent="0.15">
      <c r="A22" s="22" t="s">
        <v>24</v>
      </c>
      <c r="B22" s="23">
        <v>980</v>
      </c>
      <c r="C22" s="24">
        <v>930</v>
      </c>
      <c r="D22" s="24">
        <v>1157</v>
      </c>
      <c r="E22" s="24">
        <v>1310</v>
      </c>
      <c r="F22" s="24">
        <v>1344</v>
      </c>
      <c r="G22" s="24">
        <v>1528</v>
      </c>
      <c r="H22" s="24">
        <v>1648</v>
      </c>
      <c r="I22" s="25">
        <v>1778</v>
      </c>
      <c r="J22" s="24">
        <v>1806</v>
      </c>
      <c r="K22" s="24">
        <v>1815</v>
      </c>
      <c r="L22" s="23">
        <v>1824</v>
      </c>
      <c r="M22" s="25">
        <v>1809</v>
      </c>
      <c r="N22" s="34">
        <v>1797</v>
      </c>
      <c r="O22" s="34">
        <v>1804</v>
      </c>
      <c r="P22" s="34">
        <v>1812</v>
      </c>
      <c r="Q22" s="34">
        <v>1823</v>
      </c>
    </row>
    <row r="23" spans="1:17" ht="20.100000000000001" customHeight="1" x14ac:dyDescent="0.15">
      <c r="A23" s="22" t="s">
        <v>25</v>
      </c>
      <c r="B23" s="23">
        <v>2049</v>
      </c>
      <c r="C23" s="24">
        <v>1902</v>
      </c>
      <c r="D23" s="24">
        <v>1795</v>
      </c>
      <c r="E23" s="24">
        <v>1746</v>
      </c>
      <c r="F23" s="24">
        <v>1688</v>
      </c>
      <c r="G23" s="24">
        <v>1600</v>
      </c>
      <c r="H23" s="24">
        <v>1588</v>
      </c>
      <c r="I23" s="25">
        <v>1552</v>
      </c>
      <c r="J23" s="24">
        <v>1551</v>
      </c>
      <c r="K23" s="24">
        <v>1523</v>
      </c>
      <c r="L23" s="23">
        <v>1514</v>
      </c>
      <c r="M23" s="25">
        <v>1493</v>
      </c>
      <c r="N23" s="34">
        <v>1480</v>
      </c>
      <c r="O23" s="34">
        <v>1511</v>
      </c>
      <c r="P23" s="34">
        <v>1509</v>
      </c>
      <c r="Q23" s="34">
        <v>1494</v>
      </c>
    </row>
    <row r="24" spans="1:17" ht="20.100000000000001" customHeight="1" x14ac:dyDescent="0.15">
      <c r="A24" s="22" t="s">
        <v>26</v>
      </c>
      <c r="B24" s="23">
        <v>1558</v>
      </c>
      <c r="C24" s="24">
        <v>1753</v>
      </c>
      <c r="D24" s="24">
        <v>1917</v>
      </c>
      <c r="E24" s="24">
        <v>2125</v>
      </c>
      <c r="F24" s="24">
        <v>2196</v>
      </c>
      <c r="G24" s="24">
        <v>2275</v>
      </c>
      <c r="H24" s="24">
        <v>2406</v>
      </c>
      <c r="I24" s="25">
        <v>2481</v>
      </c>
      <c r="J24" s="24">
        <v>2511</v>
      </c>
      <c r="K24" s="24">
        <v>2498</v>
      </c>
      <c r="L24" s="23">
        <v>2487</v>
      </c>
      <c r="M24" s="25">
        <v>2509</v>
      </c>
      <c r="N24" s="34">
        <v>2504</v>
      </c>
      <c r="O24" s="34">
        <v>2524</v>
      </c>
      <c r="P24" s="34">
        <v>2567</v>
      </c>
      <c r="Q24" s="34">
        <v>2584</v>
      </c>
    </row>
    <row r="25" spans="1:17" ht="20.100000000000001" customHeight="1" x14ac:dyDescent="0.15">
      <c r="A25" s="22" t="s">
        <v>27</v>
      </c>
      <c r="B25" s="23">
        <v>2063</v>
      </c>
      <c r="C25" s="24">
        <v>2141</v>
      </c>
      <c r="D25" s="24">
        <v>2382</v>
      </c>
      <c r="E25" s="24">
        <v>2508</v>
      </c>
      <c r="F25" s="24">
        <v>2804</v>
      </c>
      <c r="G25" s="24">
        <v>2922</v>
      </c>
      <c r="H25" s="24">
        <v>3002</v>
      </c>
      <c r="I25" s="25">
        <v>3120</v>
      </c>
      <c r="J25" s="24">
        <v>3289</v>
      </c>
      <c r="K25" s="24">
        <v>3187</v>
      </c>
      <c r="L25" s="23">
        <v>3194</v>
      </c>
      <c r="M25" s="25">
        <v>3238</v>
      </c>
      <c r="N25" s="34">
        <v>3292</v>
      </c>
      <c r="O25" s="34">
        <v>3288</v>
      </c>
      <c r="P25" s="34">
        <v>3314</v>
      </c>
      <c r="Q25" s="34">
        <v>3332</v>
      </c>
    </row>
    <row r="26" spans="1:17" ht="20.100000000000001" customHeight="1" x14ac:dyDescent="0.15">
      <c r="A26" s="22" t="s">
        <v>28</v>
      </c>
      <c r="B26" s="23">
        <v>922</v>
      </c>
      <c r="C26" s="24">
        <v>948</v>
      </c>
      <c r="D26" s="24">
        <v>996</v>
      </c>
      <c r="E26" s="24">
        <v>1030</v>
      </c>
      <c r="F26" s="24">
        <v>1083</v>
      </c>
      <c r="G26" s="24">
        <v>1063</v>
      </c>
      <c r="H26" s="24">
        <v>1064</v>
      </c>
      <c r="I26" s="25">
        <v>1072</v>
      </c>
      <c r="J26" s="24">
        <v>1056</v>
      </c>
      <c r="K26" s="24">
        <v>1060</v>
      </c>
      <c r="L26" s="23">
        <v>1065</v>
      </c>
      <c r="M26" s="25">
        <v>1060</v>
      </c>
      <c r="N26" s="34">
        <v>1069</v>
      </c>
      <c r="O26" s="34">
        <v>1067</v>
      </c>
      <c r="P26" s="34">
        <v>1061</v>
      </c>
      <c r="Q26" s="34">
        <v>1062</v>
      </c>
    </row>
    <row r="27" spans="1:17" ht="20.100000000000001" customHeight="1" x14ac:dyDescent="0.15">
      <c r="A27" s="22" t="s">
        <v>29</v>
      </c>
      <c r="B27" s="23">
        <v>1147</v>
      </c>
      <c r="C27" s="24">
        <v>1171</v>
      </c>
      <c r="D27" s="24">
        <v>1138</v>
      </c>
      <c r="E27" s="24">
        <v>1405</v>
      </c>
      <c r="F27" s="24">
        <v>1638</v>
      </c>
      <c r="G27" s="24">
        <v>1750</v>
      </c>
      <c r="H27" s="24">
        <v>1892</v>
      </c>
      <c r="I27" s="25">
        <v>1777</v>
      </c>
      <c r="J27" s="25">
        <v>1747</v>
      </c>
      <c r="K27" s="26">
        <v>1736</v>
      </c>
      <c r="L27" s="26">
        <v>1761</v>
      </c>
      <c r="M27" s="27">
        <v>1780</v>
      </c>
      <c r="N27" s="28">
        <v>1798</v>
      </c>
      <c r="O27" s="29">
        <v>1786</v>
      </c>
      <c r="P27" s="29">
        <v>1806</v>
      </c>
      <c r="Q27" s="29">
        <v>1814</v>
      </c>
    </row>
    <row r="28" spans="1:17" ht="20.100000000000001" customHeight="1" x14ac:dyDescent="0.15">
      <c r="A28" s="22" t="s">
        <v>30</v>
      </c>
      <c r="B28" s="23">
        <v>3265</v>
      </c>
      <c r="C28" s="24">
        <v>3168</v>
      </c>
      <c r="D28" s="24">
        <v>3824</v>
      </c>
      <c r="E28" s="24">
        <v>4343</v>
      </c>
      <c r="F28" s="24">
        <v>4837</v>
      </c>
      <c r="G28" s="24">
        <v>5310</v>
      </c>
      <c r="H28" s="24">
        <v>5647</v>
      </c>
      <c r="I28" s="25">
        <v>6130</v>
      </c>
      <c r="J28" s="25">
        <v>6312</v>
      </c>
      <c r="K28" s="24">
        <v>6397</v>
      </c>
      <c r="L28" s="24">
        <v>6548</v>
      </c>
      <c r="M28" s="23">
        <v>6615</v>
      </c>
      <c r="N28" s="25">
        <v>6640</v>
      </c>
      <c r="O28" s="34">
        <v>6664</v>
      </c>
      <c r="P28" s="34">
        <v>6672</v>
      </c>
      <c r="Q28" s="34">
        <v>6734</v>
      </c>
    </row>
    <row r="29" spans="1:17" ht="20.100000000000001" customHeight="1" x14ac:dyDescent="0.15">
      <c r="A29" s="22" t="s">
        <v>31</v>
      </c>
      <c r="B29" s="23">
        <v>1917</v>
      </c>
      <c r="C29" s="24">
        <v>2441</v>
      </c>
      <c r="D29" s="24">
        <v>2606</v>
      </c>
      <c r="E29" s="24">
        <v>2763</v>
      </c>
      <c r="F29" s="24">
        <v>3261</v>
      </c>
      <c r="G29" s="24">
        <v>3640</v>
      </c>
      <c r="H29" s="24">
        <v>3873</v>
      </c>
      <c r="I29" s="25">
        <v>4104</v>
      </c>
      <c r="J29" s="25">
        <v>4296</v>
      </c>
      <c r="K29" s="16">
        <v>4377</v>
      </c>
      <c r="L29" s="16">
        <v>4409</v>
      </c>
      <c r="M29" s="15">
        <v>4483</v>
      </c>
      <c r="N29" s="17">
        <v>4557</v>
      </c>
      <c r="O29" s="36">
        <v>4636</v>
      </c>
      <c r="P29" s="36">
        <v>4678</v>
      </c>
      <c r="Q29" s="36">
        <v>4809</v>
      </c>
    </row>
    <row r="30" spans="1:17" ht="20.100000000000001" customHeight="1" x14ac:dyDescent="0.15">
      <c r="A30" s="22" t="s">
        <v>32</v>
      </c>
      <c r="B30" s="23">
        <v>5093</v>
      </c>
      <c r="C30" s="24">
        <v>5735</v>
      </c>
      <c r="D30" s="24">
        <v>6568</v>
      </c>
      <c r="E30" s="24">
        <v>7105</v>
      </c>
      <c r="F30" s="24">
        <v>7608</v>
      </c>
      <c r="G30" s="24">
        <v>8351</v>
      </c>
      <c r="H30" s="24">
        <v>4490</v>
      </c>
      <c r="I30" s="25">
        <v>5130</v>
      </c>
      <c r="J30" s="26">
        <v>5493</v>
      </c>
      <c r="K30" s="26">
        <v>5514</v>
      </c>
      <c r="L30" s="27">
        <v>5621</v>
      </c>
      <c r="M30" s="28">
        <v>5751</v>
      </c>
      <c r="N30" s="29">
        <v>5869</v>
      </c>
      <c r="O30" s="29">
        <v>5888</v>
      </c>
      <c r="P30" s="29">
        <v>5951</v>
      </c>
      <c r="Q30" s="29">
        <v>6067</v>
      </c>
    </row>
    <row r="31" spans="1:17" ht="20.100000000000001" customHeight="1" x14ac:dyDescent="0.15">
      <c r="A31" s="22" t="s">
        <v>33</v>
      </c>
      <c r="B31" s="23">
        <v>2805</v>
      </c>
      <c r="C31" s="24">
        <v>3198</v>
      </c>
      <c r="D31" s="24">
        <v>3596</v>
      </c>
      <c r="E31" s="24">
        <v>3963</v>
      </c>
      <c r="F31" s="24">
        <v>4487</v>
      </c>
      <c r="G31" s="24">
        <v>4814</v>
      </c>
      <c r="H31" s="24">
        <v>5397</v>
      </c>
      <c r="I31" s="25">
        <v>6045</v>
      </c>
      <c r="J31" s="24">
        <v>6392</v>
      </c>
      <c r="K31" s="24">
        <v>6489</v>
      </c>
      <c r="L31" s="23">
        <v>6638</v>
      </c>
      <c r="M31" s="25">
        <v>6734</v>
      </c>
      <c r="N31" s="34">
        <v>6811</v>
      </c>
      <c r="O31" s="34">
        <v>6866</v>
      </c>
      <c r="P31" s="34">
        <v>6961</v>
      </c>
      <c r="Q31" s="34">
        <v>7065</v>
      </c>
    </row>
    <row r="32" spans="1:17" ht="20.100000000000001" customHeight="1" x14ac:dyDescent="0.15">
      <c r="A32" s="22" t="s">
        <v>34</v>
      </c>
      <c r="B32" s="23">
        <v>3463</v>
      </c>
      <c r="C32" s="24">
        <v>3558</v>
      </c>
      <c r="D32" s="24">
        <v>3729</v>
      </c>
      <c r="E32" s="24">
        <v>3930</v>
      </c>
      <c r="F32" s="24">
        <v>4318</v>
      </c>
      <c r="G32" s="24">
        <v>4421</v>
      </c>
      <c r="H32" s="24">
        <v>4685</v>
      </c>
      <c r="I32" s="25">
        <v>5115</v>
      </c>
      <c r="J32" s="16">
        <v>5481</v>
      </c>
      <c r="K32" s="16">
        <v>5531</v>
      </c>
      <c r="L32" s="15">
        <v>5591</v>
      </c>
      <c r="M32" s="17">
        <v>5649</v>
      </c>
      <c r="N32" s="36">
        <v>5703</v>
      </c>
      <c r="O32" s="36">
        <v>5730</v>
      </c>
      <c r="P32" s="36">
        <v>5729</v>
      </c>
      <c r="Q32" s="36">
        <v>5781</v>
      </c>
    </row>
    <row r="33" spans="1:17" ht="20.100000000000001" customHeight="1" x14ac:dyDescent="0.15">
      <c r="A33" s="22" t="s">
        <v>35</v>
      </c>
      <c r="B33" s="35">
        <v>1739</v>
      </c>
      <c r="C33" s="24">
        <v>2346</v>
      </c>
      <c r="D33" s="24">
        <v>2494</v>
      </c>
      <c r="E33" s="24">
        <v>2878</v>
      </c>
      <c r="F33" s="24">
        <v>3519</v>
      </c>
      <c r="G33" s="24">
        <v>3940</v>
      </c>
      <c r="H33" s="24">
        <v>4315</v>
      </c>
      <c r="I33" s="25">
        <v>4574</v>
      </c>
      <c r="J33" s="26">
        <v>4727</v>
      </c>
      <c r="K33" s="26">
        <v>4732</v>
      </c>
      <c r="L33" s="27">
        <v>4791</v>
      </c>
      <c r="M33" s="28">
        <v>4836</v>
      </c>
      <c r="N33" s="29">
        <v>4916</v>
      </c>
      <c r="O33" s="29">
        <v>5002</v>
      </c>
      <c r="P33" s="29">
        <v>5011</v>
      </c>
      <c r="Q33" s="29">
        <v>5016</v>
      </c>
    </row>
    <row r="34" spans="1:17" ht="20.100000000000001" customHeight="1" x14ac:dyDescent="0.15">
      <c r="A34" s="22" t="s">
        <v>36</v>
      </c>
      <c r="B34" s="23">
        <v>1583</v>
      </c>
      <c r="C34" s="24">
        <v>1726</v>
      </c>
      <c r="D34" s="24">
        <v>1810</v>
      </c>
      <c r="E34" s="24">
        <v>2041</v>
      </c>
      <c r="F34" s="24">
        <v>2129</v>
      </c>
      <c r="G34" s="24">
        <v>2276</v>
      </c>
      <c r="H34" s="24">
        <v>2370</v>
      </c>
      <c r="I34" s="25">
        <v>2394</v>
      </c>
      <c r="J34" s="24">
        <v>2432</v>
      </c>
      <c r="K34" s="24">
        <v>2476</v>
      </c>
      <c r="L34" s="23">
        <v>2437</v>
      </c>
      <c r="M34" s="25">
        <v>2446</v>
      </c>
      <c r="N34" s="34">
        <v>2468</v>
      </c>
      <c r="O34" s="34">
        <v>2457</v>
      </c>
      <c r="P34" s="34">
        <v>2485</v>
      </c>
      <c r="Q34" s="34">
        <v>2499</v>
      </c>
    </row>
    <row r="35" spans="1:17" ht="20.100000000000001" customHeight="1" x14ac:dyDescent="0.15">
      <c r="A35" s="22" t="s">
        <v>37</v>
      </c>
      <c r="B35" s="23">
        <v>2639</v>
      </c>
      <c r="C35" s="24">
        <v>3066</v>
      </c>
      <c r="D35" s="24">
        <v>3774</v>
      </c>
      <c r="E35" s="24">
        <v>4739</v>
      </c>
      <c r="F35" s="24">
        <v>5467</v>
      </c>
      <c r="G35" s="24">
        <v>4797</v>
      </c>
      <c r="H35" s="24">
        <v>5262</v>
      </c>
      <c r="I35" s="25">
        <v>5821</v>
      </c>
      <c r="J35" s="25">
        <v>6195</v>
      </c>
      <c r="K35" s="24">
        <v>6349</v>
      </c>
      <c r="L35" s="24">
        <v>6191</v>
      </c>
      <c r="M35" s="23">
        <v>6174</v>
      </c>
      <c r="N35" s="25">
        <v>6315</v>
      </c>
      <c r="O35" s="34">
        <v>6302</v>
      </c>
      <c r="P35" s="34">
        <v>6435</v>
      </c>
      <c r="Q35" s="34">
        <v>6539</v>
      </c>
    </row>
    <row r="36" spans="1:17" ht="20.100000000000001" customHeight="1" x14ac:dyDescent="0.15">
      <c r="A36" s="22" t="s">
        <v>38</v>
      </c>
      <c r="B36" s="23">
        <v>664</v>
      </c>
      <c r="C36" s="24">
        <v>748</v>
      </c>
      <c r="D36" s="24">
        <v>790</v>
      </c>
      <c r="E36" s="24">
        <v>845</v>
      </c>
      <c r="F36" s="24">
        <v>1146</v>
      </c>
      <c r="G36" s="24">
        <v>1460</v>
      </c>
      <c r="H36" s="24">
        <v>1724</v>
      </c>
      <c r="I36" s="25">
        <v>2002</v>
      </c>
      <c r="J36" s="25">
        <v>2214</v>
      </c>
      <c r="K36" s="26">
        <v>2271</v>
      </c>
      <c r="L36" s="26">
        <v>2367</v>
      </c>
      <c r="M36" s="27">
        <v>2383</v>
      </c>
      <c r="N36" s="28">
        <v>2488</v>
      </c>
      <c r="O36" s="29">
        <v>2524</v>
      </c>
      <c r="P36" s="29">
        <v>2546</v>
      </c>
      <c r="Q36" s="29">
        <v>2590</v>
      </c>
    </row>
    <row r="37" spans="1:17" ht="20.100000000000001" customHeight="1" x14ac:dyDescent="0.15">
      <c r="A37" s="22" t="s">
        <v>39</v>
      </c>
      <c r="B37" s="35">
        <v>1713</v>
      </c>
      <c r="C37" s="24">
        <v>1851</v>
      </c>
      <c r="D37" s="24">
        <v>1896</v>
      </c>
      <c r="E37" s="24">
        <v>2084</v>
      </c>
      <c r="F37" s="24">
        <v>2185</v>
      </c>
      <c r="G37" s="24">
        <v>2544</v>
      </c>
      <c r="H37" s="24">
        <v>2750</v>
      </c>
      <c r="I37" s="25">
        <v>2849</v>
      </c>
      <c r="J37" s="25">
        <v>2851</v>
      </c>
      <c r="K37" s="24">
        <v>2839</v>
      </c>
      <c r="L37" s="24">
        <v>2863</v>
      </c>
      <c r="M37" s="23">
        <v>2834</v>
      </c>
      <c r="N37" s="25">
        <v>2837</v>
      </c>
      <c r="O37" s="34">
        <v>2823</v>
      </c>
      <c r="P37" s="34">
        <v>2877</v>
      </c>
      <c r="Q37" s="34">
        <v>2880</v>
      </c>
    </row>
    <row r="38" spans="1:17" ht="20.100000000000001" customHeight="1" x14ac:dyDescent="0.15">
      <c r="A38" s="22" t="s">
        <v>40</v>
      </c>
      <c r="B38" s="23">
        <v>1842</v>
      </c>
      <c r="C38" s="24">
        <v>1946</v>
      </c>
      <c r="D38" s="24">
        <v>2086</v>
      </c>
      <c r="E38" s="24">
        <v>2356</v>
      </c>
      <c r="F38" s="24">
        <v>2528</v>
      </c>
      <c r="G38" s="24">
        <v>2622</v>
      </c>
      <c r="H38" s="24">
        <v>2632</v>
      </c>
      <c r="I38" s="25">
        <v>2643</v>
      </c>
      <c r="J38" s="26">
        <v>2653</v>
      </c>
      <c r="K38" s="26">
        <v>2671</v>
      </c>
      <c r="L38" s="27">
        <v>2655</v>
      </c>
      <c r="M38" s="28">
        <v>2671</v>
      </c>
      <c r="N38" s="29">
        <v>2688</v>
      </c>
      <c r="O38" s="29">
        <v>2702</v>
      </c>
      <c r="P38" s="29">
        <v>2676</v>
      </c>
      <c r="Q38" s="29">
        <v>2698</v>
      </c>
    </row>
    <row r="39" spans="1:17" ht="20.100000000000001" customHeight="1" x14ac:dyDescent="0.15">
      <c r="A39" s="22" t="s">
        <v>41</v>
      </c>
      <c r="B39" s="23">
        <v>1171</v>
      </c>
      <c r="C39" s="24">
        <v>1067</v>
      </c>
      <c r="D39" s="24">
        <v>1067</v>
      </c>
      <c r="E39" s="24">
        <v>1128</v>
      </c>
      <c r="F39" s="24">
        <v>1276</v>
      </c>
      <c r="G39" s="24">
        <v>1300</v>
      </c>
      <c r="H39" s="24">
        <v>1334</v>
      </c>
      <c r="I39" s="25">
        <v>1360</v>
      </c>
      <c r="J39" s="24">
        <v>1382</v>
      </c>
      <c r="K39" s="24">
        <v>1389</v>
      </c>
      <c r="L39" s="23">
        <v>1387</v>
      </c>
      <c r="M39" s="25">
        <v>1393</v>
      </c>
      <c r="N39" s="34">
        <v>1405</v>
      </c>
      <c r="O39" s="34">
        <v>1417</v>
      </c>
      <c r="P39" s="34">
        <v>1454</v>
      </c>
      <c r="Q39" s="34">
        <v>1455</v>
      </c>
    </row>
    <row r="40" spans="1:17" ht="20.100000000000001" customHeight="1" x14ac:dyDescent="0.15">
      <c r="A40" s="22" t="s">
        <v>42</v>
      </c>
      <c r="B40" s="35">
        <v>725</v>
      </c>
      <c r="C40" s="24">
        <v>751</v>
      </c>
      <c r="D40" s="24">
        <v>765</v>
      </c>
      <c r="E40" s="24">
        <v>791</v>
      </c>
      <c r="F40" s="24">
        <v>894</v>
      </c>
      <c r="G40" s="24">
        <v>913</v>
      </c>
      <c r="H40" s="24">
        <v>909</v>
      </c>
      <c r="I40" s="25">
        <v>943</v>
      </c>
      <c r="J40" s="24">
        <v>945</v>
      </c>
      <c r="K40" s="24">
        <v>955</v>
      </c>
      <c r="L40" s="23">
        <v>946</v>
      </c>
      <c r="M40" s="25">
        <v>948</v>
      </c>
      <c r="N40" s="34">
        <v>954</v>
      </c>
      <c r="O40" s="34">
        <v>951</v>
      </c>
      <c r="P40" s="34">
        <v>959</v>
      </c>
      <c r="Q40" s="34">
        <v>944</v>
      </c>
    </row>
    <row r="41" spans="1:17" ht="20.100000000000001" customHeight="1" x14ac:dyDescent="0.15">
      <c r="A41" s="22" t="s">
        <v>43</v>
      </c>
      <c r="B41" s="35">
        <v>708</v>
      </c>
      <c r="C41" s="24">
        <v>812</v>
      </c>
      <c r="D41" s="24">
        <v>961</v>
      </c>
      <c r="E41" s="24">
        <v>1048</v>
      </c>
      <c r="F41" s="24">
        <v>1106</v>
      </c>
      <c r="G41" s="24">
        <v>1120</v>
      </c>
      <c r="H41" s="24">
        <v>1146</v>
      </c>
      <c r="I41" s="25">
        <v>1179</v>
      </c>
      <c r="J41" s="24">
        <v>1187</v>
      </c>
      <c r="K41" s="24">
        <v>1186</v>
      </c>
      <c r="L41" s="23">
        <v>1194</v>
      </c>
      <c r="M41" s="25">
        <v>1198</v>
      </c>
      <c r="N41" s="34">
        <v>1205</v>
      </c>
      <c r="O41" s="34">
        <v>1202</v>
      </c>
      <c r="P41" s="34">
        <v>1221</v>
      </c>
      <c r="Q41" s="34">
        <v>1220</v>
      </c>
    </row>
    <row r="42" spans="1:17" ht="20.100000000000001" customHeight="1" x14ac:dyDescent="0.15">
      <c r="A42" s="22" t="s">
        <v>44</v>
      </c>
      <c r="B42" s="35">
        <v>719</v>
      </c>
      <c r="C42" s="24">
        <v>859</v>
      </c>
      <c r="D42" s="24">
        <v>905</v>
      </c>
      <c r="E42" s="24">
        <v>948</v>
      </c>
      <c r="F42" s="24">
        <v>977</v>
      </c>
      <c r="G42" s="24">
        <v>1052</v>
      </c>
      <c r="H42" s="24">
        <v>1180</v>
      </c>
      <c r="I42" s="25">
        <v>1213</v>
      </c>
      <c r="J42" s="25">
        <v>1242</v>
      </c>
      <c r="K42" s="16">
        <v>1270</v>
      </c>
      <c r="L42" s="16">
        <v>1277</v>
      </c>
      <c r="M42" s="15">
        <v>1272</v>
      </c>
      <c r="N42" s="17">
        <v>1279</v>
      </c>
      <c r="O42" s="36">
        <v>1288</v>
      </c>
      <c r="P42" s="36">
        <v>1266</v>
      </c>
      <c r="Q42" s="36">
        <v>1266</v>
      </c>
    </row>
    <row r="43" spans="1:17" ht="20.100000000000001" customHeight="1" x14ac:dyDescent="0.15">
      <c r="A43" s="22" t="s">
        <v>45</v>
      </c>
      <c r="B43" s="23">
        <v>3145</v>
      </c>
      <c r="C43" s="24">
        <v>3361</v>
      </c>
      <c r="D43" s="24">
        <v>3722</v>
      </c>
      <c r="E43" s="24">
        <v>4237</v>
      </c>
      <c r="F43" s="24">
        <v>4634</v>
      </c>
      <c r="G43" s="24">
        <v>4763</v>
      </c>
      <c r="H43" s="24">
        <v>4976</v>
      </c>
      <c r="I43" s="25">
        <v>5182</v>
      </c>
      <c r="J43" s="25">
        <v>5352</v>
      </c>
      <c r="K43" s="16">
        <v>5386</v>
      </c>
      <c r="L43" s="16">
        <v>5443</v>
      </c>
      <c r="M43" s="15">
        <v>5452</v>
      </c>
      <c r="N43" s="17">
        <v>5446</v>
      </c>
      <c r="O43" s="36">
        <v>5479</v>
      </c>
      <c r="P43" s="36">
        <v>5543</v>
      </c>
      <c r="Q43" s="36">
        <v>5567</v>
      </c>
    </row>
    <row r="44" spans="1:17" ht="20.100000000000001" customHeight="1" x14ac:dyDescent="0.15">
      <c r="A44" s="22" t="s">
        <v>46</v>
      </c>
      <c r="B44" s="35">
        <v>977</v>
      </c>
      <c r="C44" s="24">
        <v>1102</v>
      </c>
      <c r="D44" s="24">
        <v>1197</v>
      </c>
      <c r="E44" s="24">
        <v>1322</v>
      </c>
      <c r="F44" s="24">
        <v>1469</v>
      </c>
      <c r="G44" s="24">
        <v>1587</v>
      </c>
      <c r="H44" s="24">
        <v>1588</v>
      </c>
      <c r="I44" s="25">
        <v>1649</v>
      </c>
      <c r="J44" s="25">
        <v>1689</v>
      </c>
      <c r="K44" s="16">
        <v>1698</v>
      </c>
      <c r="L44" s="16">
        <v>1721</v>
      </c>
      <c r="M44" s="15">
        <v>1726</v>
      </c>
      <c r="N44" s="17">
        <v>1754</v>
      </c>
      <c r="O44" s="36">
        <v>1768</v>
      </c>
      <c r="P44" s="36">
        <v>1785</v>
      </c>
      <c r="Q44" s="36">
        <v>1773</v>
      </c>
    </row>
    <row r="45" spans="1:17" ht="20.100000000000001" customHeight="1" x14ac:dyDescent="0.15">
      <c r="A45" s="22" t="s">
        <v>47</v>
      </c>
      <c r="B45" s="35">
        <v>416</v>
      </c>
      <c r="C45" s="24">
        <v>449</v>
      </c>
      <c r="D45" s="24">
        <v>462</v>
      </c>
      <c r="E45" s="24">
        <v>494</v>
      </c>
      <c r="F45" s="24">
        <v>513</v>
      </c>
      <c r="G45" s="24">
        <v>530</v>
      </c>
      <c r="H45" s="24">
        <v>571</v>
      </c>
      <c r="I45" s="25">
        <v>626</v>
      </c>
      <c r="J45" s="25">
        <v>638</v>
      </c>
      <c r="K45" s="16">
        <v>638</v>
      </c>
      <c r="L45" s="16">
        <v>649</v>
      </c>
      <c r="M45" s="15">
        <v>637</v>
      </c>
      <c r="N45" s="17">
        <v>643</v>
      </c>
      <c r="O45" s="36">
        <v>654</v>
      </c>
      <c r="P45" s="36">
        <v>658</v>
      </c>
      <c r="Q45" s="36">
        <v>659</v>
      </c>
    </row>
    <row r="46" spans="1:17" ht="20.100000000000001" customHeight="1" x14ac:dyDescent="0.15">
      <c r="A46" s="22" t="s">
        <v>48</v>
      </c>
      <c r="B46" s="35">
        <v>381</v>
      </c>
      <c r="C46" s="24">
        <v>509</v>
      </c>
      <c r="D46" s="24">
        <v>708</v>
      </c>
      <c r="E46" s="24">
        <v>831</v>
      </c>
      <c r="F46" s="24">
        <v>998</v>
      </c>
      <c r="G46" s="24">
        <v>999</v>
      </c>
      <c r="H46" s="24">
        <v>917</v>
      </c>
      <c r="I46" s="25">
        <v>912</v>
      </c>
      <c r="J46" s="25">
        <v>963</v>
      </c>
      <c r="K46" s="16">
        <v>946</v>
      </c>
      <c r="L46" s="16">
        <v>938</v>
      </c>
      <c r="M46" s="15">
        <v>953</v>
      </c>
      <c r="N46" s="17">
        <v>942</v>
      </c>
      <c r="O46" s="36">
        <v>961</v>
      </c>
      <c r="P46" s="36">
        <v>989</v>
      </c>
      <c r="Q46" s="36">
        <v>987</v>
      </c>
    </row>
    <row r="47" spans="1:17" ht="20.100000000000001" customHeight="1" x14ac:dyDescent="0.15">
      <c r="A47" s="22" t="s">
        <v>49</v>
      </c>
      <c r="B47" s="35">
        <v>818</v>
      </c>
      <c r="C47" s="24">
        <v>882</v>
      </c>
      <c r="D47" s="24">
        <v>922</v>
      </c>
      <c r="E47" s="24">
        <v>1006</v>
      </c>
      <c r="F47" s="24">
        <v>1081</v>
      </c>
      <c r="G47" s="24">
        <v>1146</v>
      </c>
      <c r="H47" s="24">
        <v>1185</v>
      </c>
      <c r="I47" s="25">
        <v>1301</v>
      </c>
      <c r="J47" s="25">
        <v>1312</v>
      </c>
      <c r="K47" s="26">
        <v>1320</v>
      </c>
      <c r="L47" s="26">
        <v>1330</v>
      </c>
      <c r="M47" s="27">
        <v>1338</v>
      </c>
      <c r="N47" s="28">
        <v>1372</v>
      </c>
      <c r="O47" s="29">
        <v>1397</v>
      </c>
      <c r="P47" s="29">
        <v>1427</v>
      </c>
      <c r="Q47" s="29">
        <v>1442</v>
      </c>
    </row>
    <row r="48" spans="1:17" ht="20.100000000000001" customHeight="1" x14ac:dyDescent="0.15">
      <c r="A48" s="22" t="s">
        <v>50</v>
      </c>
      <c r="B48" s="23">
        <v>296</v>
      </c>
      <c r="C48" s="24">
        <v>306</v>
      </c>
      <c r="D48" s="24">
        <v>308</v>
      </c>
      <c r="E48" s="24">
        <v>324</v>
      </c>
      <c r="F48" s="24">
        <v>346</v>
      </c>
      <c r="G48" s="24">
        <v>345</v>
      </c>
      <c r="H48" s="24">
        <v>368</v>
      </c>
      <c r="I48" s="25">
        <v>397</v>
      </c>
      <c r="J48" s="25">
        <v>399</v>
      </c>
      <c r="K48" s="24">
        <v>401</v>
      </c>
      <c r="L48" s="24">
        <v>407</v>
      </c>
      <c r="M48" s="23">
        <v>403</v>
      </c>
      <c r="N48" s="25">
        <v>388</v>
      </c>
      <c r="O48" s="34">
        <v>397</v>
      </c>
      <c r="P48" s="34">
        <v>400</v>
      </c>
      <c r="Q48" s="34">
        <v>401</v>
      </c>
    </row>
    <row r="49" spans="1:17" ht="20.100000000000001" customHeight="1" x14ac:dyDescent="0.15">
      <c r="A49" s="22" t="s">
        <v>51</v>
      </c>
      <c r="B49" s="35">
        <v>1625</v>
      </c>
      <c r="C49" s="24">
        <v>1652</v>
      </c>
      <c r="D49" s="24">
        <v>1692</v>
      </c>
      <c r="E49" s="24">
        <v>1692</v>
      </c>
      <c r="F49" s="24">
        <v>1648</v>
      </c>
      <c r="G49" s="24">
        <v>1624</v>
      </c>
      <c r="H49" s="24">
        <v>1662</v>
      </c>
      <c r="I49" s="25">
        <v>1635</v>
      </c>
      <c r="J49" s="25">
        <v>1617</v>
      </c>
      <c r="K49" s="24">
        <v>1624</v>
      </c>
      <c r="L49" s="24">
        <v>1615</v>
      </c>
      <c r="M49" s="23">
        <v>1590</v>
      </c>
      <c r="N49" s="25">
        <v>1581</v>
      </c>
      <c r="O49" s="34">
        <v>1563</v>
      </c>
      <c r="P49" s="34">
        <v>1527</v>
      </c>
      <c r="Q49" s="34">
        <v>1525</v>
      </c>
    </row>
    <row r="50" spans="1:17" ht="20.100000000000001" customHeight="1" x14ac:dyDescent="0.15">
      <c r="A50" s="22" t="s">
        <v>52</v>
      </c>
      <c r="B50" s="35">
        <v>1374</v>
      </c>
      <c r="C50" s="24">
        <v>1380</v>
      </c>
      <c r="D50" s="24">
        <v>1390</v>
      </c>
      <c r="E50" s="24">
        <v>1406</v>
      </c>
      <c r="F50" s="24">
        <v>1582</v>
      </c>
      <c r="G50" s="24">
        <v>1679</v>
      </c>
      <c r="H50" s="24">
        <v>1732</v>
      </c>
      <c r="I50" s="25">
        <v>1777</v>
      </c>
      <c r="J50" s="25">
        <v>1735</v>
      </c>
      <c r="K50" s="24">
        <v>1725</v>
      </c>
      <c r="L50" s="24">
        <v>1721</v>
      </c>
      <c r="M50" s="23">
        <v>1708</v>
      </c>
      <c r="N50" s="25">
        <v>1727</v>
      </c>
      <c r="O50" s="34">
        <v>1724</v>
      </c>
      <c r="P50" s="34">
        <v>1790</v>
      </c>
      <c r="Q50" s="34">
        <v>1836</v>
      </c>
    </row>
    <row r="51" spans="1:17" ht="20.100000000000001" customHeight="1" x14ac:dyDescent="0.15">
      <c r="A51" s="22" t="s">
        <v>53</v>
      </c>
      <c r="B51" s="35">
        <v>656</v>
      </c>
      <c r="C51" s="24">
        <v>712</v>
      </c>
      <c r="D51" s="24">
        <v>679</v>
      </c>
      <c r="E51" s="24">
        <v>686</v>
      </c>
      <c r="F51" s="24">
        <v>682</v>
      </c>
      <c r="G51" s="24">
        <v>730</v>
      </c>
      <c r="H51" s="24">
        <v>764</v>
      </c>
      <c r="I51" s="25">
        <v>770</v>
      </c>
      <c r="J51" s="25">
        <v>810</v>
      </c>
      <c r="K51" s="26">
        <v>806</v>
      </c>
      <c r="L51" s="26">
        <v>790</v>
      </c>
      <c r="M51" s="27">
        <v>799</v>
      </c>
      <c r="N51" s="28">
        <v>797</v>
      </c>
      <c r="O51" s="29">
        <v>792</v>
      </c>
      <c r="P51" s="29">
        <v>796</v>
      </c>
      <c r="Q51" s="29">
        <v>798</v>
      </c>
    </row>
    <row r="52" spans="1:17" ht="20.100000000000001" customHeight="1" x14ac:dyDescent="0.15">
      <c r="A52" s="22" t="s">
        <v>54</v>
      </c>
      <c r="B52" s="35">
        <v>1041</v>
      </c>
      <c r="C52" s="24">
        <v>1144</v>
      </c>
      <c r="D52" s="24">
        <v>1244</v>
      </c>
      <c r="E52" s="24">
        <v>1345</v>
      </c>
      <c r="F52" s="24">
        <v>1475</v>
      </c>
      <c r="G52" s="24">
        <v>1510</v>
      </c>
      <c r="H52" s="24">
        <v>1558</v>
      </c>
      <c r="I52" s="25">
        <v>1639</v>
      </c>
      <c r="J52" s="25">
        <v>1705</v>
      </c>
      <c r="K52" s="24">
        <v>1686</v>
      </c>
      <c r="L52" s="24">
        <v>1690</v>
      </c>
      <c r="M52" s="23">
        <v>1664</v>
      </c>
      <c r="N52" s="25">
        <v>1687</v>
      </c>
      <c r="O52" s="34">
        <v>1714</v>
      </c>
      <c r="P52" s="34">
        <v>1690</v>
      </c>
      <c r="Q52" s="34">
        <v>1700</v>
      </c>
    </row>
    <row r="53" spans="1:17" ht="20.100000000000001" customHeight="1" x14ac:dyDescent="0.15">
      <c r="A53" s="22" t="s">
        <v>55</v>
      </c>
      <c r="B53" s="35">
        <v>343</v>
      </c>
      <c r="C53" s="24">
        <v>345</v>
      </c>
      <c r="D53" s="24">
        <v>353</v>
      </c>
      <c r="E53" s="24">
        <v>368</v>
      </c>
      <c r="F53" s="24">
        <v>379</v>
      </c>
      <c r="G53" s="24">
        <v>562</v>
      </c>
      <c r="H53" s="24">
        <v>588</v>
      </c>
      <c r="I53" s="25">
        <v>617</v>
      </c>
      <c r="J53" s="25">
        <v>614</v>
      </c>
      <c r="K53" s="24">
        <v>613</v>
      </c>
      <c r="L53" s="24">
        <v>607</v>
      </c>
      <c r="M53" s="23">
        <v>604</v>
      </c>
      <c r="N53" s="25">
        <v>606</v>
      </c>
      <c r="O53" s="34">
        <v>611</v>
      </c>
      <c r="P53" s="34">
        <v>612</v>
      </c>
      <c r="Q53" s="34">
        <v>610</v>
      </c>
    </row>
    <row r="54" spans="1:17" ht="20.100000000000001" customHeight="1" x14ac:dyDescent="0.15">
      <c r="A54" s="37" t="s">
        <v>56</v>
      </c>
      <c r="B54" s="38" t="s">
        <v>57</v>
      </c>
      <c r="C54" s="39" t="s">
        <v>57</v>
      </c>
      <c r="D54" s="39" t="s">
        <v>57</v>
      </c>
      <c r="E54" s="39" t="s">
        <v>57</v>
      </c>
      <c r="F54" s="39" t="s">
        <v>57</v>
      </c>
      <c r="G54" s="40">
        <v>3506</v>
      </c>
      <c r="H54" s="40">
        <v>3732</v>
      </c>
      <c r="I54" s="41">
        <v>4021</v>
      </c>
      <c r="J54" s="32">
        <v>4174</v>
      </c>
      <c r="K54" s="30">
        <v>4163</v>
      </c>
      <c r="L54" s="30">
        <v>4235</v>
      </c>
      <c r="M54" s="31">
        <v>4274</v>
      </c>
      <c r="N54" s="32">
        <v>4335</v>
      </c>
      <c r="O54" s="33">
        <v>4386</v>
      </c>
      <c r="P54" s="33">
        <v>4396</v>
      </c>
      <c r="Q54" s="33">
        <v>4468</v>
      </c>
    </row>
    <row r="55" spans="1:17" ht="21.95" customHeight="1" x14ac:dyDescent="0.15">
      <c r="A55" s="42" t="s">
        <v>58</v>
      </c>
      <c r="B55" s="43" t="s">
        <v>57</v>
      </c>
      <c r="C55" s="44" t="s">
        <v>57</v>
      </c>
      <c r="D55" s="44" t="s">
        <v>57</v>
      </c>
      <c r="E55" s="44" t="s">
        <v>57</v>
      </c>
      <c r="F55" s="44" t="s">
        <v>57</v>
      </c>
      <c r="G55" s="44" t="s">
        <v>57</v>
      </c>
      <c r="H55" s="45">
        <v>4546</v>
      </c>
      <c r="I55" s="45">
        <v>5213</v>
      </c>
      <c r="J55" s="45">
        <v>5537</v>
      </c>
      <c r="K55" s="45">
        <v>5635</v>
      </c>
      <c r="L55" s="45">
        <v>5694</v>
      </c>
      <c r="M55" s="45">
        <v>5730</v>
      </c>
      <c r="N55" s="46">
        <v>5858</v>
      </c>
      <c r="O55" s="47">
        <v>5982</v>
      </c>
      <c r="P55" s="47">
        <v>6065</v>
      </c>
      <c r="Q55" s="47">
        <v>6085</v>
      </c>
    </row>
    <row r="56" spans="1:17" ht="15" customHeight="1" x14ac:dyDescent="0.15">
      <c r="Q56" s="48"/>
    </row>
  </sheetData>
  <mergeCells count="1">
    <mergeCell ref="A1:M1"/>
  </mergeCells>
  <phoneticPr fontId="3"/>
  <pageMargins left="0.78740157480314965" right="0.31496062992125984" top="0.51181102362204722" bottom="0.51" header="0.51181102362204722" footer="0.51181102362204722"/>
  <pageSetup paperSize="9" scale="48" firstPageNumber="15" orientation="landscape" useFirstPageNumber="1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0DD91F-DD1E-4810-90B9-D441351BCCD1}">
  <sheetPr codeName="Sheet107">
    <pageSetUpPr fitToPage="1"/>
  </sheetPr>
  <dimension ref="A1:Q42"/>
  <sheetViews>
    <sheetView workbookViewId="0">
      <pane xSplit="1" ySplit="3" topLeftCell="B4" activePane="bottomRight" state="frozen"/>
      <selection sqref="A1:M1"/>
      <selection pane="topRight" sqref="A1:M1"/>
      <selection pane="bottomLeft" sqref="A1:M1"/>
      <selection pane="bottomRight" sqref="A1:M1"/>
    </sheetView>
  </sheetViews>
  <sheetFormatPr defaultColWidth="9" defaultRowHeight="15" customHeight="1" x14ac:dyDescent="0.15"/>
  <cols>
    <col min="1" max="1" width="19.25" style="2" bestFit="1" customWidth="1"/>
    <col min="2" max="17" width="12.625" style="2" customWidth="1"/>
    <col min="18" max="16384" width="9" style="2"/>
  </cols>
  <sheetData>
    <row r="1" spans="1:17" ht="43.5" customHeight="1" x14ac:dyDescent="0.15">
      <c r="A1" s="1" t="s">
        <v>59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7" ht="28.5" customHeight="1" x14ac:dyDescent="0.15">
      <c r="Q2" s="3" t="s">
        <v>1</v>
      </c>
    </row>
    <row r="3" spans="1:17" ht="20.100000000000001" customHeight="1" x14ac:dyDescent="0.15">
      <c r="A3" s="4" t="s">
        <v>2</v>
      </c>
      <c r="B3" s="5" t="s">
        <v>3</v>
      </c>
      <c r="C3" s="6">
        <v>60</v>
      </c>
      <c r="D3" s="6" t="s">
        <v>4</v>
      </c>
      <c r="E3" s="6">
        <v>7</v>
      </c>
      <c r="F3" s="6">
        <v>12</v>
      </c>
      <c r="G3" s="6">
        <v>17</v>
      </c>
      <c r="H3" s="6">
        <v>22</v>
      </c>
      <c r="I3" s="7">
        <v>27</v>
      </c>
      <c r="J3" s="7">
        <v>30</v>
      </c>
      <c r="K3" s="7" t="s">
        <v>5</v>
      </c>
      <c r="L3" s="7">
        <v>2</v>
      </c>
      <c r="M3" s="6">
        <v>3</v>
      </c>
      <c r="N3" s="6">
        <v>4</v>
      </c>
      <c r="O3" s="5">
        <v>5</v>
      </c>
      <c r="P3" s="8">
        <v>6</v>
      </c>
      <c r="Q3" s="8">
        <v>7</v>
      </c>
    </row>
    <row r="4" spans="1:17" ht="20.100000000000001" customHeight="1" x14ac:dyDescent="0.15">
      <c r="A4" s="9" t="s">
        <v>60</v>
      </c>
      <c r="B4" s="49" t="s">
        <v>57</v>
      </c>
      <c r="C4" s="50" t="s">
        <v>57</v>
      </c>
      <c r="D4" s="50" t="s">
        <v>57</v>
      </c>
      <c r="E4" s="50" t="s">
        <v>57</v>
      </c>
      <c r="F4" s="50" t="s">
        <v>57</v>
      </c>
      <c r="G4" s="51">
        <v>7442</v>
      </c>
      <c r="H4" s="51">
        <v>8043</v>
      </c>
      <c r="I4" s="11">
        <v>8502</v>
      </c>
      <c r="J4" s="11">
        <v>8807</v>
      </c>
      <c r="K4" s="11">
        <v>8911</v>
      </c>
      <c r="L4" s="11">
        <v>9024</v>
      </c>
      <c r="M4" s="11">
        <v>9046</v>
      </c>
      <c r="N4" s="11">
        <v>9067</v>
      </c>
      <c r="O4" s="13">
        <v>9133</v>
      </c>
      <c r="P4" s="13">
        <v>9210</v>
      </c>
      <c r="Q4" s="13">
        <v>9256</v>
      </c>
    </row>
    <row r="5" spans="1:17" ht="20.100000000000001" customHeight="1" x14ac:dyDescent="0.15">
      <c r="A5" s="14" t="s">
        <v>61</v>
      </c>
      <c r="B5" s="52" t="s">
        <v>57</v>
      </c>
      <c r="C5" s="53" t="s">
        <v>57</v>
      </c>
      <c r="D5" s="53" t="s">
        <v>57</v>
      </c>
      <c r="E5" s="53" t="s">
        <v>57</v>
      </c>
      <c r="F5" s="53" t="s">
        <v>57</v>
      </c>
      <c r="G5" s="54">
        <v>161</v>
      </c>
      <c r="H5" s="54">
        <v>157</v>
      </c>
      <c r="I5" s="55">
        <v>147</v>
      </c>
      <c r="J5" s="17">
        <v>136</v>
      </c>
      <c r="K5" s="55">
        <v>135</v>
      </c>
      <c r="L5" s="24">
        <v>133</v>
      </c>
      <c r="M5" s="24">
        <v>131</v>
      </c>
      <c r="N5" s="23">
        <v>133</v>
      </c>
      <c r="O5" s="34">
        <v>123</v>
      </c>
      <c r="P5" s="34">
        <v>125</v>
      </c>
      <c r="Q5" s="34">
        <v>121</v>
      </c>
    </row>
    <row r="6" spans="1:17" ht="20.100000000000001" customHeight="1" x14ac:dyDescent="0.15">
      <c r="A6" s="22" t="s">
        <v>62</v>
      </c>
      <c r="B6" s="56" t="s">
        <v>57</v>
      </c>
      <c r="C6" s="57" t="s">
        <v>57</v>
      </c>
      <c r="D6" s="57" t="s">
        <v>57</v>
      </c>
      <c r="E6" s="57" t="s">
        <v>57</v>
      </c>
      <c r="F6" s="57" t="s">
        <v>57</v>
      </c>
      <c r="G6" s="58">
        <v>118</v>
      </c>
      <c r="H6" s="58">
        <v>120</v>
      </c>
      <c r="I6" s="59">
        <v>115</v>
      </c>
      <c r="J6" s="25">
        <v>117</v>
      </c>
      <c r="K6" s="59">
        <v>113</v>
      </c>
      <c r="L6" s="24">
        <v>112</v>
      </c>
      <c r="M6" s="24">
        <v>114</v>
      </c>
      <c r="N6" s="23">
        <v>108</v>
      </c>
      <c r="O6" s="34">
        <v>110</v>
      </c>
      <c r="P6" s="34">
        <v>107</v>
      </c>
      <c r="Q6" s="34">
        <v>105</v>
      </c>
    </row>
    <row r="7" spans="1:17" ht="20.100000000000001" customHeight="1" x14ac:dyDescent="0.15">
      <c r="A7" s="22" t="s">
        <v>63</v>
      </c>
      <c r="B7" s="56" t="s">
        <v>57</v>
      </c>
      <c r="C7" s="57" t="s">
        <v>57</v>
      </c>
      <c r="D7" s="57" t="s">
        <v>57</v>
      </c>
      <c r="E7" s="57" t="s">
        <v>57</v>
      </c>
      <c r="F7" s="57" t="s">
        <v>57</v>
      </c>
      <c r="G7" s="58">
        <v>833</v>
      </c>
      <c r="H7" s="58">
        <v>995</v>
      </c>
      <c r="I7" s="59">
        <v>1020</v>
      </c>
      <c r="J7" s="25">
        <v>1023</v>
      </c>
      <c r="K7" s="59">
        <v>1025</v>
      </c>
      <c r="L7" s="24">
        <v>1027</v>
      </c>
      <c r="M7" s="24">
        <v>1016</v>
      </c>
      <c r="N7" s="23">
        <v>1013</v>
      </c>
      <c r="O7" s="34">
        <v>1015</v>
      </c>
      <c r="P7" s="34">
        <v>999</v>
      </c>
      <c r="Q7" s="34">
        <v>975</v>
      </c>
    </row>
    <row r="8" spans="1:17" ht="20.100000000000001" customHeight="1" x14ac:dyDescent="0.15">
      <c r="A8" s="22" t="s">
        <v>64</v>
      </c>
      <c r="B8" s="56" t="s">
        <v>57</v>
      </c>
      <c r="C8" s="57" t="s">
        <v>57</v>
      </c>
      <c r="D8" s="57" t="s">
        <v>57</v>
      </c>
      <c r="E8" s="57" t="s">
        <v>57</v>
      </c>
      <c r="F8" s="57" t="s">
        <v>57</v>
      </c>
      <c r="G8" s="58">
        <v>4209</v>
      </c>
      <c r="H8" s="58">
        <v>4463</v>
      </c>
      <c r="I8" s="59">
        <v>4642</v>
      </c>
      <c r="J8" s="25">
        <v>4701</v>
      </c>
      <c r="K8" s="59">
        <v>4745</v>
      </c>
      <c r="L8" s="24">
        <v>4766</v>
      </c>
      <c r="M8" s="24">
        <v>4753</v>
      </c>
      <c r="N8" s="23">
        <v>4757</v>
      </c>
      <c r="O8" s="34">
        <v>4756</v>
      </c>
      <c r="P8" s="34">
        <v>4781</v>
      </c>
      <c r="Q8" s="34">
        <v>4806</v>
      </c>
    </row>
    <row r="9" spans="1:17" ht="20.100000000000001" customHeight="1" x14ac:dyDescent="0.15">
      <c r="A9" s="22" t="s">
        <v>65</v>
      </c>
      <c r="B9" s="56" t="s">
        <v>57</v>
      </c>
      <c r="C9" s="57" t="s">
        <v>57</v>
      </c>
      <c r="D9" s="57" t="s">
        <v>57</v>
      </c>
      <c r="E9" s="57" t="s">
        <v>57</v>
      </c>
      <c r="F9" s="57" t="s">
        <v>57</v>
      </c>
      <c r="G9" s="58">
        <v>2121</v>
      </c>
      <c r="H9" s="58">
        <v>2308</v>
      </c>
      <c r="I9" s="59">
        <v>2578</v>
      </c>
      <c r="J9" s="25">
        <v>2830</v>
      </c>
      <c r="K9" s="59">
        <v>2893</v>
      </c>
      <c r="L9" s="24">
        <v>2986</v>
      </c>
      <c r="M9" s="24">
        <v>3032</v>
      </c>
      <c r="N9" s="23">
        <v>3056</v>
      </c>
      <c r="O9" s="34">
        <v>3129</v>
      </c>
      <c r="P9" s="34">
        <v>3198</v>
      </c>
      <c r="Q9" s="34">
        <v>3249</v>
      </c>
    </row>
    <row r="10" spans="1:17" ht="20.100000000000001" customHeight="1" x14ac:dyDescent="0.15">
      <c r="A10" s="9" t="s">
        <v>66</v>
      </c>
      <c r="B10" s="49" t="s">
        <v>57</v>
      </c>
      <c r="C10" s="50" t="s">
        <v>57</v>
      </c>
      <c r="D10" s="50" t="s">
        <v>57</v>
      </c>
      <c r="E10" s="50" t="s">
        <v>57</v>
      </c>
      <c r="F10" s="50" t="s">
        <v>57</v>
      </c>
      <c r="G10" s="51">
        <v>3739</v>
      </c>
      <c r="H10" s="51">
        <v>3666</v>
      </c>
      <c r="I10" s="11">
        <v>3814</v>
      </c>
      <c r="J10" s="11">
        <v>3868</v>
      </c>
      <c r="K10" s="11">
        <v>3816</v>
      </c>
      <c r="L10" s="11">
        <v>3773</v>
      </c>
      <c r="M10" s="11">
        <v>3736</v>
      </c>
      <c r="N10" s="11">
        <v>3722</v>
      </c>
      <c r="O10" s="13">
        <v>3691</v>
      </c>
      <c r="P10" s="13">
        <v>3693</v>
      </c>
      <c r="Q10" s="13">
        <v>3690</v>
      </c>
    </row>
    <row r="11" spans="1:17" ht="20.100000000000001" customHeight="1" x14ac:dyDescent="0.15">
      <c r="A11" s="22" t="s">
        <v>67</v>
      </c>
      <c r="B11" s="56" t="s">
        <v>57</v>
      </c>
      <c r="C11" s="57" t="s">
        <v>57</v>
      </c>
      <c r="D11" s="57" t="s">
        <v>57</v>
      </c>
      <c r="E11" s="57" t="s">
        <v>57</v>
      </c>
      <c r="F11" s="57" t="s">
        <v>57</v>
      </c>
      <c r="G11" s="58">
        <v>1156</v>
      </c>
      <c r="H11" s="58">
        <v>1161</v>
      </c>
      <c r="I11" s="59">
        <v>1217</v>
      </c>
      <c r="J11" s="25">
        <v>1159</v>
      </c>
      <c r="K11" s="59">
        <v>1150</v>
      </c>
      <c r="L11" s="24">
        <v>1147</v>
      </c>
      <c r="M11" s="24">
        <v>1142</v>
      </c>
      <c r="N11" s="23">
        <v>1126</v>
      </c>
      <c r="O11" s="34">
        <v>1110</v>
      </c>
      <c r="P11" s="34">
        <v>1095</v>
      </c>
      <c r="Q11" s="34">
        <v>1083</v>
      </c>
    </row>
    <row r="12" spans="1:17" ht="20.100000000000001" customHeight="1" x14ac:dyDescent="0.15">
      <c r="A12" s="22" t="s">
        <v>68</v>
      </c>
      <c r="B12" s="56" t="s">
        <v>57</v>
      </c>
      <c r="C12" s="57" t="s">
        <v>57</v>
      </c>
      <c r="D12" s="57" t="s">
        <v>57</v>
      </c>
      <c r="E12" s="57" t="s">
        <v>57</v>
      </c>
      <c r="F12" s="57" t="s">
        <v>57</v>
      </c>
      <c r="G12" s="58">
        <v>438</v>
      </c>
      <c r="H12" s="58">
        <v>418</v>
      </c>
      <c r="I12" s="59">
        <v>402</v>
      </c>
      <c r="J12" s="25">
        <v>445</v>
      </c>
      <c r="K12" s="59">
        <v>386</v>
      </c>
      <c r="L12" s="24">
        <v>383</v>
      </c>
      <c r="M12" s="24">
        <v>372</v>
      </c>
      <c r="N12" s="23">
        <v>371</v>
      </c>
      <c r="O12" s="34">
        <v>370</v>
      </c>
      <c r="P12" s="34">
        <v>349</v>
      </c>
      <c r="Q12" s="34">
        <v>356</v>
      </c>
    </row>
    <row r="13" spans="1:17" ht="20.100000000000001" customHeight="1" x14ac:dyDescent="0.15">
      <c r="A13" s="22" t="s">
        <v>69</v>
      </c>
      <c r="B13" s="56" t="s">
        <v>57</v>
      </c>
      <c r="C13" s="57" t="s">
        <v>57</v>
      </c>
      <c r="D13" s="57" t="s">
        <v>57</v>
      </c>
      <c r="E13" s="57" t="s">
        <v>57</v>
      </c>
      <c r="F13" s="57" t="s">
        <v>57</v>
      </c>
      <c r="G13" s="58">
        <v>1617</v>
      </c>
      <c r="H13" s="58">
        <v>1712</v>
      </c>
      <c r="I13" s="59">
        <v>1788</v>
      </c>
      <c r="J13" s="25">
        <v>1847</v>
      </c>
      <c r="K13" s="59">
        <v>1871</v>
      </c>
      <c r="L13" s="24">
        <v>1873</v>
      </c>
      <c r="M13" s="24">
        <v>1868</v>
      </c>
      <c r="N13" s="23">
        <v>1878</v>
      </c>
      <c r="O13" s="34">
        <v>1863</v>
      </c>
      <c r="P13" s="34">
        <v>1894</v>
      </c>
      <c r="Q13" s="34">
        <v>1889</v>
      </c>
    </row>
    <row r="14" spans="1:17" ht="20.100000000000001" customHeight="1" x14ac:dyDescent="0.15">
      <c r="A14" s="22" t="s">
        <v>70</v>
      </c>
      <c r="B14" s="56" t="s">
        <v>57</v>
      </c>
      <c r="C14" s="57" t="s">
        <v>57</v>
      </c>
      <c r="D14" s="57" t="s">
        <v>57</v>
      </c>
      <c r="E14" s="57" t="s">
        <v>57</v>
      </c>
      <c r="F14" s="57" t="s">
        <v>57</v>
      </c>
      <c r="G14" s="58">
        <v>528</v>
      </c>
      <c r="H14" s="58">
        <v>375</v>
      </c>
      <c r="I14" s="59">
        <v>407</v>
      </c>
      <c r="J14" s="25">
        <v>417</v>
      </c>
      <c r="K14" s="59">
        <v>409</v>
      </c>
      <c r="L14" s="24">
        <v>370</v>
      </c>
      <c r="M14" s="24">
        <v>354</v>
      </c>
      <c r="N14" s="23">
        <v>347</v>
      </c>
      <c r="O14" s="34">
        <v>348</v>
      </c>
      <c r="P14" s="34">
        <v>355</v>
      </c>
      <c r="Q14" s="34">
        <v>362</v>
      </c>
    </row>
    <row r="15" spans="1:17" ht="20.100000000000001" customHeight="1" x14ac:dyDescent="0.15">
      <c r="A15" s="9" t="s">
        <v>71</v>
      </c>
      <c r="B15" s="49" t="s">
        <v>57</v>
      </c>
      <c r="C15" s="50" t="s">
        <v>57</v>
      </c>
      <c r="D15" s="50" t="s">
        <v>57</v>
      </c>
      <c r="E15" s="50" t="s">
        <v>57</v>
      </c>
      <c r="F15" s="50" t="s">
        <v>57</v>
      </c>
      <c r="G15" s="51">
        <v>6828</v>
      </c>
      <c r="H15" s="51">
        <v>7037</v>
      </c>
      <c r="I15" s="11">
        <v>7301</v>
      </c>
      <c r="J15" s="11">
        <v>7545</v>
      </c>
      <c r="K15" s="11">
        <v>7550</v>
      </c>
      <c r="L15" s="11">
        <v>7554</v>
      </c>
      <c r="M15" s="11">
        <v>7521</v>
      </c>
      <c r="N15" s="11">
        <v>7523</v>
      </c>
      <c r="O15" s="13">
        <v>7497</v>
      </c>
      <c r="P15" s="13">
        <v>7495</v>
      </c>
      <c r="Q15" s="13">
        <v>7472</v>
      </c>
    </row>
    <row r="16" spans="1:17" ht="20.100000000000001" customHeight="1" x14ac:dyDescent="0.15">
      <c r="A16" s="22" t="s">
        <v>72</v>
      </c>
      <c r="B16" s="56" t="s">
        <v>57</v>
      </c>
      <c r="C16" s="57" t="s">
        <v>57</v>
      </c>
      <c r="D16" s="57" t="s">
        <v>57</v>
      </c>
      <c r="E16" s="57" t="s">
        <v>57</v>
      </c>
      <c r="F16" s="57" t="s">
        <v>57</v>
      </c>
      <c r="G16" s="58">
        <v>974</v>
      </c>
      <c r="H16" s="58">
        <v>926</v>
      </c>
      <c r="I16" s="59">
        <v>913</v>
      </c>
      <c r="J16" s="25">
        <v>893</v>
      </c>
      <c r="K16" s="59">
        <v>897</v>
      </c>
      <c r="L16" s="24">
        <v>884</v>
      </c>
      <c r="M16" s="24">
        <v>861</v>
      </c>
      <c r="N16" s="23">
        <v>847</v>
      </c>
      <c r="O16" s="34">
        <v>829</v>
      </c>
      <c r="P16" s="34">
        <v>829</v>
      </c>
      <c r="Q16" s="34">
        <v>818</v>
      </c>
    </row>
    <row r="17" spans="1:17" ht="20.100000000000001" customHeight="1" x14ac:dyDescent="0.15">
      <c r="A17" s="22" t="s">
        <v>73</v>
      </c>
      <c r="B17" s="56" t="s">
        <v>57</v>
      </c>
      <c r="C17" s="57" t="s">
        <v>57</v>
      </c>
      <c r="D17" s="57" t="s">
        <v>57</v>
      </c>
      <c r="E17" s="57" t="s">
        <v>57</v>
      </c>
      <c r="F17" s="57" t="s">
        <v>57</v>
      </c>
      <c r="G17" s="58">
        <v>2365</v>
      </c>
      <c r="H17" s="58">
        <v>2550</v>
      </c>
      <c r="I17" s="59">
        <v>2747</v>
      </c>
      <c r="J17" s="25">
        <v>2878</v>
      </c>
      <c r="K17" s="59">
        <v>2883</v>
      </c>
      <c r="L17" s="24">
        <v>2883</v>
      </c>
      <c r="M17" s="24">
        <v>2887</v>
      </c>
      <c r="N17" s="23">
        <v>2924</v>
      </c>
      <c r="O17" s="34">
        <v>2912</v>
      </c>
      <c r="P17" s="34">
        <v>2901</v>
      </c>
      <c r="Q17" s="34">
        <v>2865</v>
      </c>
    </row>
    <row r="18" spans="1:17" ht="20.100000000000001" customHeight="1" x14ac:dyDescent="0.15">
      <c r="A18" s="22" t="s">
        <v>74</v>
      </c>
      <c r="B18" s="56" t="s">
        <v>57</v>
      </c>
      <c r="C18" s="57" t="s">
        <v>57</v>
      </c>
      <c r="D18" s="57" t="s">
        <v>57</v>
      </c>
      <c r="E18" s="57" t="s">
        <v>57</v>
      </c>
      <c r="F18" s="57" t="s">
        <v>57</v>
      </c>
      <c r="G18" s="58">
        <v>2005</v>
      </c>
      <c r="H18" s="58">
        <v>2135</v>
      </c>
      <c r="I18" s="59">
        <v>2287</v>
      </c>
      <c r="J18" s="25">
        <v>2415</v>
      </c>
      <c r="K18" s="59">
        <v>2423</v>
      </c>
      <c r="L18" s="24">
        <v>2452</v>
      </c>
      <c r="M18" s="24">
        <v>2450</v>
      </c>
      <c r="N18" s="23">
        <v>2440</v>
      </c>
      <c r="O18" s="34">
        <v>2473</v>
      </c>
      <c r="P18" s="34">
        <v>2490</v>
      </c>
      <c r="Q18" s="34">
        <v>2512</v>
      </c>
    </row>
    <row r="19" spans="1:17" ht="20.100000000000001" customHeight="1" x14ac:dyDescent="0.15">
      <c r="A19" s="22" t="s">
        <v>75</v>
      </c>
      <c r="B19" s="56" t="s">
        <v>57</v>
      </c>
      <c r="C19" s="57" t="s">
        <v>57</v>
      </c>
      <c r="D19" s="57" t="s">
        <v>57</v>
      </c>
      <c r="E19" s="57" t="s">
        <v>57</v>
      </c>
      <c r="F19" s="57" t="s">
        <v>57</v>
      </c>
      <c r="G19" s="58">
        <v>325</v>
      </c>
      <c r="H19" s="58">
        <v>315</v>
      </c>
      <c r="I19" s="59">
        <v>320</v>
      </c>
      <c r="J19" s="25">
        <v>325</v>
      </c>
      <c r="K19" s="59">
        <v>325</v>
      </c>
      <c r="L19" s="24">
        <v>320</v>
      </c>
      <c r="M19" s="24">
        <v>318</v>
      </c>
      <c r="N19" s="23">
        <v>315</v>
      </c>
      <c r="O19" s="34">
        <v>314</v>
      </c>
      <c r="P19" s="34">
        <v>309</v>
      </c>
      <c r="Q19" s="34">
        <v>301</v>
      </c>
    </row>
    <row r="20" spans="1:17" ht="20.100000000000001" customHeight="1" x14ac:dyDescent="0.15">
      <c r="A20" s="22" t="s">
        <v>76</v>
      </c>
      <c r="B20" s="56" t="s">
        <v>57</v>
      </c>
      <c r="C20" s="57" t="s">
        <v>57</v>
      </c>
      <c r="D20" s="57" t="s">
        <v>57</v>
      </c>
      <c r="E20" s="57" t="s">
        <v>57</v>
      </c>
      <c r="F20" s="57" t="s">
        <v>57</v>
      </c>
      <c r="G20" s="58">
        <v>192</v>
      </c>
      <c r="H20" s="58">
        <v>185</v>
      </c>
      <c r="I20" s="59">
        <v>175</v>
      </c>
      <c r="J20" s="25">
        <v>164</v>
      </c>
      <c r="K20" s="59">
        <v>161</v>
      </c>
      <c r="L20" s="24">
        <v>161</v>
      </c>
      <c r="M20" s="24">
        <v>155</v>
      </c>
      <c r="N20" s="23">
        <v>154</v>
      </c>
      <c r="O20" s="34">
        <v>172</v>
      </c>
      <c r="P20" s="34">
        <v>171</v>
      </c>
      <c r="Q20" s="34">
        <v>170</v>
      </c>
    </row>
    <row r="21" spans="1:17" ht="20.100000000000001" customHeight="1" x14ac:dyDescent="0.15">
      <c r="A21" s="22" t="s">
        <v>77</v>
      </c>
      <c r="B21" s="56" t="s">
        <v>57</v>
      </c>
      <c r="C21" s="57" t="s">
        <v>57</v>
      </c>
      <c r="D21" s="57" t="s">
        <v>57</v>
      </c>
      <c r="E21" s="57" t="s">
        <v>57</v>
      </c>
      <c r="F21" s="57" t="s">
        <v>57</v>
      </c>
      <c r="G21" s="58">
        <v>455</v>
      </c>
      <c r="H21" s="58">
        <v>411</v>
      </c>
      <c r="I21" s="59">
        <v>397</v>
      </c>
      <c r="J21" s="25">
        <v>411</v>
      </c>
      <c r="K21" s="59">
        <v>409</v>
      </c>
      <c r="L21" s="24">
        <v>413</v>
      </c>
      <c r="M21" s="24">
        <v>412</v>
      </c>
      <c r="N21" s="23">
        <v>406</v>
      </c>
      <c r="O21" s="34">
        <v>404</v>
      </c>
      <c r="P21" s="34">
        <v>418</v>
      </c>
      <c r="Q21" s="34">
        <v>439</v>
      </c>
    </row>
    <row r="22" spans="1:17" ht="20.100000000000001" customHeight="1" x14ac:dyDescent="0.15">
      <c r="A22" s="22" t="s">
        <v>78</v>
      </c>
      <c r="B22" s="56" t="s">
        <v>57</v>
      </c>
      <c r="C22" s="57" t="s">
        <v>57</v>
      </c>
      <c r="D22" s="57" t="s">
        <v>57</v>
      </c>
      <c r="E22" s="57" t="s">
        <v>57</v>
      </c>
      <c r="F22" s="57" t="s">
        <v>57</v>
      </c>
      <c r="G22" s="58">
        <v>383</v>
      </c>
      <c r="H22" s="58">
        <v>392</v>
      </c>
      <c r="I22" s="59">
        <v>351</v>
      </c>
      <c r="J22" s="25">
        <v>355</v>
      </c>
      <c r="K22" s="59">
        <v>351</v>
      </c>
      <c r="L22" s="24">
        <v>341</v>
      </c>
      <c r="M22" s="24">
        <v>337</v>
      </c>
      <c r="N22" s="23">
        <v>336</v>
      </c>
      <c r="O22" s="34">
        <v>295</v>
      </c>
      <c r="P22" s="34">
        <v>288</v>
      </c>
      <c r="Q22" s="34">
        <v>280</v>
      </c>
    </row>
    <row r="23" spans="1:17" ht="20.100000000000001" customHeight="1" x14ac:dyDescent="0.15">
      <c r="A23" s="22" t="s">
        <v>79</v>
      </c>
      <c r="B23" s="56" t="s">
        <v>57</v>
      </c>
      <c r="C23" s="57" t="s">
        <v>57</v>
      </c>
      <c r="D23" s="57" t="s">
        <v>57</v>
      </c>
      <c r="E23" s="57" t="s">
        <v>57</v>
      </c>
      <c r="F23" s="57" t="s">
        <v>57</v>
      </c>
      <c r="G23" s="58">
        <v>82</v>
      </c>
      <c r="H23" s="58">
        <v>81</v>
      </c>
      <c r="I23" s="59">
        <v>72</v>
      </c>
      <c r="J23" s="25">
        <v>69</v>
      </c>
      <c r="K23" s="59">
        <v>68</v>
      </c>
      <c r="L23" s="24">
        <v>68</v>
      </c>
      <c r="M23" s="24">
        <v>67</v>
      </c>
      <c r="N23" s="23">
        <v>66</v>
      </c>
      <c r="O23" s="34">
        <v>65</v>
      </c>
      <c r="P23" s="34">
        <v>60</v>
      </c>
      <c r="Q23" s="34">
        <v>59</v>
      </c>
    </row>
    <row r="24" spans="1:17" ht="20.100000000000001" customHeight="1" x14ac:dyDescent="0.15">
      <c r="A24" s="22" t="s">
        <v>80</v>
      </c>
      <c r="B24" s="56" t="s">
        <v>57</v>
      </c>
      <c r="C24" s="57" t="s">
        <v>57</v>
      </c>
      <c r="D24" s="57" t="s">
        <v>57</v>
      </c>
      <c r="E24" s="57" t="s">
        <v>57</v>
      </c>
      <c r="F24" s="57" t="s">
        <v>57</v>
      </c>
      <c r="G24" s="58">
        <v>47</v>
      </c>
      <c r="H24" s="58">
        <v>42</v>
      </c>
      <c r="I24" s="59">
        <v>39</v>
      </c>
      <c r="J24" s="25">
        <v>35</v>
      </c>
      <c r="K24" s="59">
        <v>33</v>
      </c>
      <c r="L24" s="24">
        <v>32</v>
      </c>
      <c r="M24" s="24">
        <v>34</v>
      </c>
      <c r="N24" s="23">
        <v>35</v>
      </c>
      <c r="O24" s="34">
        <v>33</v>
      </c>
      <c r="P24" s="34">
        <v>29</v>
      </c>
      <c r="Q24" s="34">
        <v>28</v>
      </c>
    </row>
    <row r="25" spans="1:17" ht="20.100000000000001" customHeight="1" x14ac:dyDescent="0.15">
      <c r="A25" s="9" t="s">
        <v>81</v>
      </c>
      <c r="B25" s="49" t="s">
        <v>57</v>
      </c>
      <c r="C25" s="50" t="s">
        <v>57</v>
      </c>
      <c r="D25" s="50" t="s">
        <v>57</v>
      </c>
      <c r="E25" s="50" t="s">
        <v>57</v>
      </c>
      <c r="F25" s="50" t="s">
        <v>57</v>
      </c>
      <c r="G25" s="51">
        <v>11021</v>
      </c>
      <c r="H25" s="51">
        <v>13218</v>
      </c>
      <c r="I25" s="11">
        <v>14438</v>
      </c>
      <c r="J25" s="11">
        <v>15345</v>
      </c>
      <c r="K25" s="11">
        <v>15550</v>
      </c>
      <c r="L25" s="11">
        <v>15753</v>
      </c>
      <c r="M25" s="11">
        <v>15927</v>
      </c>
      <c r="N25" s="11">
        <v>16188</v>
      </c>
      <c r="O25" s="13">
        <v>16297</v>
      </c>
      <c r="P25" s="13">
        <v>16513</v>
      </c>
      <c r="Q25" s="13">
        <v>16743</v>
      </c>
    </row>
    <row r="26" spans="1:17" ht="20.100000000000001" customHeight="1" x14ac:dyDescent="0.15">
      <c r="A26" s="22" t="s">
        <v>82</v>
      </c>
      <c r="B26" s="56" t="s">
        <v>57</v>
      </c>
      <c r="C26" s="57" t="s">
        <v>57</v>
      </c>
      <c r="D26" s="57" t="s">
        <v>57</v>
      </c>
      <c r="E26" s="57" t="s">
        <v>57</v>
      </c>
      <c r="F26" s="57" t="s">
        <v>57</v>
      </c>
      <c r="G26" s="58">
        <v>3077</v>
      </c>
      <c r="H26" s="58">
        <v>3913</v>
      </c>
      <c r="I26" s="59">
        <v>4292</v>
      </c>
      <c r="J26" s="25">
        <v>4591</v>
      </c>
      <c r="K26" s="59">
        <v>4684</v>
      </c>
      <c r="L26" s="24">
        <v>4740</v>
      </c>
      <c r="M26" s="24">
        <v>4763</v>
      </c>
      <c r="N26" s="23">
        <v>4842</v>
      </c>
      <c r="O26" s="34">
        <v>4904</v>
      </c>
      <c r="P26" s="34">
        <v>4943</v>
      </c>
      <c r="Q26" s="34">
        <v>4994</v>
      </c>
    </row>
    <row r="27" spans="1:17" ht="20.100000000000001" customHeight="1" x14ac:dyDescent="0.15">
      <c r="A27" s="22" t="s">
        <v>83</v>
      </c>
      <c r="B27" s="56" t="s">
        <v>57</v>
      </c>
      <c r="C27" s="57" t="s">
        <v>57</v>
      </c>
      <c r="D27" s="57" t="s">
        <v>57</v>
      </c>
      <c r="E27" s="57" t="s">
        <v>57</v>
      </c>
      <c r="F27" s="57" t="s">
        <v>57</v>
      </c>
      <c r="G27" s="58">
        <v>2714</v>
      </c>
      <c r="H27" s="58">
        <v>3675</v>
      </c>
      <c r="I27" s="59">
        <v>4212</v>
      </c>
      <c r="J27" s="59">
        <v>4534</v>
      </c>
      <c r="K27" s="25">
        <v>4540</v>
      </c>
      <c r="L27" s="59">
        <v>4617</v>
      </c>
      <c r="M27" s="24">
        <v>4699</v>
      </c>
      <c r="N27" s="24">
        <v>4776</v>
      </c>
      <c r="O27" s="23">
        <v>4830</v>
      </c>
      <c r="P27" s="34">
        <v>4933</v>
      </c>
      <c r="Q27" s="34">
        <v>5016</v>
      </c>
    </row>
    <row r="28" spans="1:17" ht="20.100000000000001" customHeight="1" x14ac:dyDescent="0.15">
      <c r="A28" s="22" t="s">
        <v>84</v>
      </c>
      <c r="B28" s="56" t="s">
        <v>57</v>
      </c>
      <c r="C28" s="57" t="s">
        <v>57</v>
      </c>
      <c r="D28" s="57" t="s">
        <v>57</v>
      </c>
      <c r="E28" s="57" t="s">
        <v>57</v>
      </c>
      <c r="F28" s="57" t="s">
        <v>57</v>
      </c>
      <c r="G28" s="58">
        <v>450</v>
      </c>
      <c r="H28" s="58">
        <v>454</v>
      </c>
      <c r="I28" s="59">
        <v>469</v>
      </c>
      <c r="J28" s="59">
        <v>497</v>
      </c>
      <c r="K28" s="25">
        <v>502</v>
      </c>
      <c r="L28" s="59">
        <v>499</v>
      </c>
      <c r="M28" s="24">
        <v>502</v>
      </c>
      <c r="N28" s="24">
        <v>506</v>
      </c>
      <c r="O28" s="23">
        <v>512</v>
      </c>
      <c r="P28" s="34">
        <v>519</v>
      </c>
      <c r="Q28" s="34">
        <v>523</v>
      </c>
    </row>
    <row r="29" spans="1:17" ht="20.100000000000001" customHeight="1" x14ac:dyDescent="0.15">
      <c r="A29" s="22" t="s">
        <v>85</v>
      </c>
      <c r="B29" s="56" t="s">
        <v>57</v>
      </c>
      <c r="C29" s="57" t="s">
        <v>57</v>
      </c>
      <c r="D29" s="57" t="s">
        <v>57</v>
      </c>
      <c r="E29" s="57" t="s">
        <v>57</v>
      </c>
      <c r="F29" s="57" t="s">
        <v>57</v>
      </c>
      <c r="G29" s="58">
        <v>595</v>
      </c>
      <c r="H29" s="58">
        <v>642</v>
      </c>
      <c r="I29" s="59">
        <v>717</v>
      </c>
      <c r="J29" s="59">
        <v>790</v>
      </c>
      <c r="K29" s="25">
        <v>796</v>
      </c>
      <c r="L29" s="59">
        <v>812</v>
      </c>
      <c r="M29" s="24">
        <v>815</v>
      </c>
      <c r="N29" s="24">
        <v>816</v>
      </c>
      <c r="O29" s="23">
        <v>799</v>
      </c>
      <c r="P29" s="34">
        <v>815</v>
      </c>
      <c r="Q29" s="34">
        <v>811</v>
      </c>
    </row>
    <row r="30" spans="1:17" ht="20.100000000000001" customHeight="1" x14ac:dyDescent="0.15">
      <c r="A30" s="22" t="s">
        <v>86</v>
      </c>
      <c r="B30" s="56" t="s">
        <v>57</v>
      </c>
      <c r="C30" s="57" t="s">
        <v>57</v>
      </c>
      <c r="D30" s="57" t="s">
        <v>57</v>
      </c>
      <c r="E30" s="57" t="s">
        <v>57</v>
      </c>
      <c r="F30" s="57" t="s">
        <v>57</v>
      </c>
      <c r="G30" s="58">
        <v>926</v>
      </c>
      <c r="H30" s="58">
        <v>1022</v>
      </c>
      <c r="I30" s="59">
        <v>1143</v>
      </c>
      <c r="J30" s="25">
        <v>1264</v>
      </c>
      <c r="K30" s="59">
        <v>1308</v>
      </c>
      <c r="L30" s="24">
        <v>1353</v>
      </c>
      <c r="M30" s="24">
        <v>1391</v>
      </c>
      <c r="N30" s="23">
        <v>1429</v>
      </c>
      <c r="O30" s="34">
        <v>1445</v>
      </c>
      <c r="P30" s="34">
        <v>1464</v>
      </c>
      <c r="Q30" s="34">
        <v>1505</v>
      </c>
    </row>
    <row r="31" spans="1:17" ht="20.100000000000001" customHeight="1" x14ac:dyDescent="0.15">
      <c r="A31" s="22" t="s">
        <v>87</v>
      </c>
      <c r="B31" s="56" t="s">
        <v>57</v>
      </c>
      <c r="C31" s="57" t="s">
        <v>57</v>
      </c>
      <c r="D31" s="57" t="s">
        <v>57</v>
      </c>
      <c r="E31" s="57" t="s">
        <v>57</v>
      </c>
      <c r="F31" s="57" t="s">
        <v>57</v>
      </c>
      <c r="G31" s="58">
        <v>1411</v>
      </c>
      <c r="H31" s="58">
        <v>1574</v>
      </c>
      <c r="I31" s="59">
        <v>1517</v>
      </c>
      <c r="J31" s="25">
        <v>1534</v>
      </c>
      <c r="K31" s="59">
        <v>1547</v>
      </c>
      <c r="L31" s="24">
        <v>1540</v>
      </c>
      <c r="M31" s="24">
        <v>1545</v>
      </c>
      <c r="N31" s="23">
        <v>1571</v>
      </c>
      <c r="O31" s="34">
        <v>1531</v>
      </c>
      <c r="P31" s="34">
        <v>1534</v>
      </c>
      <c r="Q31" s="34">
        <v>1550</v>
      </c>
    </row>
    <row r="32" spans="1:17" ht="20.100000000000001" customHeight="1" x14ac:dyDescent="0.15">
      <c r="A32" s="22" t="s">
        <v>88</v>
      </c>
      <c r="B32" s="56" t="s">
        <v>57</v>
      </c>
      <c r="C32" s="57" t="s">
        <v>57</v>
      </c>
      <c r="D32" s="57" t="s">
        <v>57</v>
      </c>
      <c r="E32" s="57" t="s">
        <v>57</v>
      </c>
      <c r="F32" s="57" t="s">
        <v>57</v>
      </c>
      <c r="G32" s="58">
        <v>447</v>
      </c>
      <c r="H32" s="58">
        <v>455</v>
      </c>
      <c r="I32" s="59">
        <v>472</v>
      </c>
      <c r="J32" s="25">
        <v>477</v>
      </c>
      <c r="K32" s="59">
        <v>483</v>
      </c>
      <c r="L32" s="24">
        <v>490</v>
      </c>
      <c r="M32" s="24">
        <v>491</v>
      </c>
      <c r="N32" s="23">
        <v>488</v>
      </c>
      <c r="O32" s="34">
        <v>483</v>
      </c>
      <c r="P32" s="34">
        <v>476</v>
      </c>
      <c r="Q32" s="34">
        <v>472</v>
      </c>
    </row>
    <row r="33" spans="1:17" ht="20.100000000000001" customHeight="1" x14ac:dyDescent="0.15">
      <c r="A33" s="22" t="s">
        <v>89</v>
      </c>
      <c r="B33" s="56" t="s">
        <v>57</v>
      </c>
      <c r="C33" s="57" t="s">
        <v>57</v>
      </c>
      <c r="D33" s="57" t="s">
        <v>57</v>
      </c>
      <c r="E33" s="57" t="s">
        <v>57</v>
      </c>
      <c r="F33" s="57" t="s">
        <v>57</v>
      </c>
      <c r="G33" s="58">
        <v>1401</v>
      </c>
      <c r="H33" s="58">
        <v>1483</v>
      </c>
      <c r="I33" s="59">
        <v>1616</v>
      </c>
      <c r="J33" s="25">
        <v>1658</v>
      </c>
      <c r="K33" s="59">
        <v>1690</v>
      </c>
      <c r="L33" s="24">
        <v>1702</v>
      </c>
      <c r="M33" s="24">
        <v>1721</v>
      </c>
      <c r="N33" s="23">
        <v>1760</v>
      </c>
      <c r="O33" s="34">
        <v>1793</v>
      </c>
      <c r="P33" s="34">
        <v>1829</v>
      </c>
      <c r="Q33" s="34">
        <v>1872</v>
      </c>
    </row>
    <row r="34" spans="1:17" ht="20.100000000000001" customHeight="1" x14ac:dyDescent="0.15">
      <c r="A34" s="9" t="s">
        <v>90</v>
      </c>
      <c r="B34" s="49" t="s">
        <v>57</v>
      </c>
      <c r="C34" s="50" t="s">
        <v>57</v>
      </c>
      <c r="D34" s="50" t="s">
        <v>57</v>
      </c>
      <c r="E34" s="50" t="s">
        <v>57</v>
      </c>
      <c r="F34" s="50" t="s">
        <v>57</v>
      </c>
      <c r="G34" s="51">
        <v>549</v>
      </c>
      <c r="H34" s="51">
        <v>540</v>
      </c>
      <c r="I34" s="11">
        <v>524</v>
      </c>
      <c r="J34" s="11">
        <v>517</v>
      </c>
      <c r="K34" s="11">
        <v>510</v>
      </c>
      <c r="L34" s="11">
        <v>505</v>
      </c>
      <c r="M34" s="11">
        <v>504</v>
      </c>
      <c r="N34" s="11">
        <v>505</v>
      </c>
      <c r="O34" s="13">
        <v>510</v>
      </c>
      <c r="P34" s="13">
        <v>502</v>
      </c>
      <c r="Q34" s="13">
        <v>490</v>
      </c>
    </row>
    <row r="35" spans="1:17" ht="20.100000000000001" customHeight="1" x14ac:dyDescent="0.15">
      <c r="A35" s="22" t="s">
        <v>91</v>
      </c>
      <c r="B35" s="56" t="s">
        <v>57</v>
      </c>
      <c r="C35" s="57" t="s">
        <v>57</v>
      </c>
      <c r="D35" s="57" t="s">
        <v>57</v>
      </c>
      <c r="E35" s="57" t="s">
        <v>57</v>
      </c>
      <c r="F35" s="57" t="s">
        <v>57</v>
      </c>
      <c r="G35" s="58">
        <v>12</v>
      </c>
      <c r="H35" s="58">
        <v>9</v>
      </c>
      <c r="I35" s="59">
        <v>6</v>
      </c>
      <c r="J35" s="59">
        <v>6</v>
      </c>
      <c r="K35" s="25">
        <v>6</v>
      </c>
      <c r="L35" s="59">
        <v>4</v>
      </c>
      <c r="M35" s="24">
        <v>4</v>
      </c>
      <c r="N35" s="24">
        <v>4</v>
      </c>
      <c r="O35" s="23">
        <v>4</v>
      </c>
      <c r="P35" s="34">
        <v>4</v>
      </c>
      <c r="Q35" s="34">
        <v>4</v>
      </c>
    </row>
    <row r="36" spans="1:17" ht="20.100000000000001" customHeight="1" x14ac:dyDescent="0.15">
      <c r="A36" s="22" t="s">
        <v>92</v>
      </c>
      <c r="B36" s="56" t="s">
        <v>57</v>
      </c>
      <c r="C36" s="57" t="s">
        <v>57</v>
      </c>
      <c r="D36" s="57" t="s">
        <v>57</v>
      </c>
      <c r="E36" s="57" t="s">
        <v>57</v>
      </c>
      <c r="F36" s="57" t="s">
        <v>57</v>
      </c>
      <c r="G36" s="58">
        <v>333</v>
      </c>
      <c r="H36" s="58">
        <v>321</v>
      </c>
      <c r="I36" s="59">
        <v>329</v>
      </c>
      <c r="J36" s="59">
        <v>324</v>
      </c>
      <c r="K36" s="25">
        <v>318</v>
      </c>
      <c r="L36" s="59">
        <v>314</v>
      </c>
      <c r="M36" s="24">
        <v>316</v>
      </c>
      <c r="N36" s="24">
        <v>316</v>
      </c>
      <c r="O36" s="23">
        <v>319</v>
      </c>
      <c r="P36" s="34">
        <v>313</v>
      </c>
      <c r="Q36" s="34">
        <v>302</v>
      </c>
    </row>
    <row r="37" spans="1:17" ht="20.100000000000001" customHeight="1" x14ac:dyDescent="0.15">
      <c r="A37" s="22" t="s">
        <v>93</v>
      </c>
      <c r="B37" s="56" t="s">
        <v>57</v>
      </c>
      <c r="C37" s="57" t="s">
        <v>57</v>
      </c>
      <c r="D37" s="57" t="s">
        <v>57</v>
      </c>
      <c r="E37" s="57" t="s">
        <v>57</v>
      </c>
      <c r="F37" s="57" t="s">
        <v>57</v>
      </c>
      <c r="G37" s="58">
        <v>61</v>
      </c>
      <c r="H37" s="58">
        <v>61</v>
      </c>
      <c r="I37" s="59">
        <v>61</v>
      </c>
      <c r="J37" s="59">
        <v>63</v>
      </c>
      <c r="K37" s="25">
        <v>61</v>
      </c>
      <c r="L37" s="59">
        <v>61</v>
      </c>
      <c r="M37" s="24">
        <v>59</v>
      </c>
      <c r="N37" s="24">
        <v>61</v>
      </c>
      <c r="O37" s="23">
        <v>62</v>
      </c>
      <c r="P37" s="34">
        <v>60</v>
      </c>
      <c r="Q37" s="34">
        <v>62</v>
      </c>
    </row>
    <row r="38" spans="1:17" ht="20.100000000000001" customHeight="1" x14ac:dyDescent="0.15">
      <c r="A38" s="22" t="s">
        <v>94</v>
      </c>
      <c r="B38" s="56" t="s">
        <v>57</v>
      </c>
      <c r="C38" s="57" t="s">
        <v>57</v>
      </c>
      <c r="D38" s="57" t="s">
        <v>57</v>
      </c>
      <c r="E38" s="57" t="s">
        <v>57</v>
      </c>
      <c r="F38" s="57" t="s">
        <v>57</v>
      </c>
      <c r="G38" s="58">
        <v>143</v>
      </c>
      <c r="H38" s="58">
        <v>149</v>
      </c>
      <c r="I38" s="59">
        <v>128</v>
      </c>
      <c r="J38" s="25">
        <v>124</v>
      </c>
      <c r="K38" s="59">
        <v>125</v>
      </c>
      <c r="L38" s="24">
        <v>126</v>
      </c>
      <c r="M38" s="24">
        <v>125</v>
      </c>
      <c r="N38" s="23">
        <v>124</v>
      </c>
      <c r="O38" s="34">
        <v>125</v>
      </c>
      <c r="P38" s="34">
        <v>125</v>
      </c>
      <c r="Q38" s="34">
        <v>122</v>
      </c>
    </row>
    <row r="39" spans="1:17" ht="20.100000000000001" customHeight="1" x14ac:dyDescent="0.15">
      <c r="A39" s="9" t="s">
        <v>95</v>
      </c>
      <c r="B39" s="49" t="s">
        <v>57</v>
      </c>
      <c r="C39" s="50" t="s">
        <v>57</v>
      </c>
      <c r="D39" s="50" t="s">
        <v>57</v>
      </c>
      <c r="E39" s="50" t="s">
        <v>57</v>
      </c>
      <c r="F39" s="50" t="s">
        <v>57</v>
      </c>
      <c r="G39" s="51">
        <v>581</v>
      </c>
      <c r="H39" s="51">
        <v>557</v>
      </c>
      <c r="I39" s="11">
        <v>537</v>
      </c>
      <c r="J39" s="11">
        <v>521</v>
      </c>
      <c r="K39" s="11">
        <v>510</v>
      </c>
      <c r="L39" s="11">
        <v>510</v>
      </c>
      <c r="M39" s="11">
        <v>508</v>
      </c>
      <c r="N39" s="11">
        <v>505</v>
      </c>
      <c r="O39" s="13">
        <v>492</v>
      </c>
      <c r="P39" s="13">
        <v>496</v>
      </c>
      <c r="Q39" s="13">
        <v>486</v>
      </c>
    </row>
    <row r="40" spans="1:17" ht="20.100000000000001" customHeight="1" x14ac:dyDescent="0.15">
      <c r="A40" s="22" t="s">
        <v>96</v>
      </c>
      <c r="B40" s="56" t="s">
        <v>57</v>
      </c>
      <c r="C40" s="57" t="s">
        <v>57</v>
      </c>
      <c r="D40" s="57" t="s">
        <v>57</v>
      </c>
      <c r="E40" s="57" t="s">
        <v>57</v>
      </c>
      <c r="F40" s="57" t="s">
        <v>57</v>
      </c>
      <c r="G40" s="58">
        <v>412</v>
      </c>
      <c r="H40" s="58">
        <v>413</v>
      </c>
      <c r="I40" s="59">
        <v>408</v>
      </c>
      <c r="J40" s="25">
        <v>396</v>
      </c>
      <c r="K40" s="59">
        <v>385</v>
      </c>
      <c r="L40" s="24">
        <v>388</v>
      </c>
      <c r="M40" s="24">
        <v>389</v>
      </c>
      <c r="N40" s="23">
        <v>389</v>
      </c>
      <c r="O40" s="34">
        <v>381</v>
      </c>
      <c r="P40" s="34">
        <v>388</v>
      </c>
      <c r="Q40" s="34">
        <v>381</v>
      </c>
    </row>
    <row r="41" spans="1:17" ht="20.100000000000001" customHeight="1" x14ac:dyDescent="0.15">
      <c r="A41" s="42" t="s">
        <v>97</v>
      </c>
      <c r="B41" s="43" t="s">
        <v>57</v>
      </c>
      <c r="C41" s="44" t="s">
        <v>57</v>
      </c>
      <c r="D41" s="44" t="s">
        <v>57</v>
      </c>
      <c r="E41" s="44" t="s">
        <v>57</v>
      </c>
      <c r="F41" s="44" t="s">
        <v>57</v>
      </c>
      <c r="G41" s="45">
        <v>169</v>
      </c>
      <c r="H41" s="45">
        <v>144</v>
      </c>
      <c r="I41" s="60">
        <v>129</v>
      </c>
      <c r="J41" s="46">
        <v>125</v>
      </c>
      <c r="K41" s="60">
        <v>125</v>
      </c>
      <c r="L41" s="61">
        <v>122</v>
      </c>
      <c r="M41" s="61">
        <v>119</v>
      </c>
      <c r="N41" s="62">
        <v>116</v>
      </c>
      <c r="O41" s="47">
        <v>111</v>
      </c>
      <c r="P41" s="47">
        <v>108</v>
      </c>
      <c r="Q41" s="47">
        <v>105</v>
      </c>
    </row>
    <row r="42" spans="1:17" ht="15" customHeight="1" x14ac:dyDescent="0.15">
      <c r="A42" s="63"/>
      <c r="B42" s="63"/>
      <c r="C42" s="63"/>
      <c r="D42" s="63"/>
      <c r="E42" s="63"/>
      <c r="F42" s="63"/>
      <c r="G42" s="63"/>
      <c r="H42" s="63"/>
      <c r="I42" s="63"/>
      <c r="J42" s="63"/>
      <c r="K42" s="63"/>
      <c r="L42" s="63"/>
      <c r="M42" s="63"/>
      <c r="N42" s="63"/>
      <c r="O42" s="63"/>
      <c r="P42" s="63"/>
      <c r="Q42" s="63"/>
    </row>
  </sheetData>
  <mergeCells count="1">
    <mergeCell ref="A1:M1"/>
  </mergeCells>
  <phoneticPr fontId="11"/>
  <pageMargins left="0.78740157480314965" right="0.31496062992125984" top="0.51181102362204722" bottom="0.86614173228346458" header="0.51181102362204722" footer="0.51181102362204722"/>
  <pageSetup paperSize="9" scale="61" firstPageNumber="15" orientation="landscape" useFirstPageNumber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６．世帯数（富山地域）</vt:lpstr>
      <vt:lpstr>６．世帯数（大沢野～細入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3-03T02:56:33Z</dcterms:created>
  <dcterms:modified xsi:type="dcterms:W3CDTF">2026-03-03T02:56:58Z</dcterms:modified>
</cp:coreProperties>
</file>